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queryTables/queryTable1.xml" ContentType="application/vnd.openxmlformats-officedocument.spreadsheetml.queryTable+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mc:Ignorable="x15 xr xr6 xr10">
  <fileVersion appName="xl" lastEdited="7" lowestEdited="7" rupBuild="27231"/>
  <workbookPr defaultThemeVersion="166925"/>
  <mc:AlternateContent xmlns:mc="http://schemas.openxmlformats.org/markup-compatibility/2006">
    <mc:Choice Requires="x15">
      <x15ac:absPath xmlns:x15ac="http://schemas.microsoft.com/office/spreadsheetml/2010/11/ac" url="\\staff.ad.griffith.edu.au\ud\fr\s2702584\Desktop\"/>
    </mc:Choice>
  </mc:AlternateContent>
  <xr:revisionPtr revIDLastSave="0" documentId="8_{D4BBC7E6-35D3-41AF-9BB9-A57E8CED151F}" xr6:coauthVersionLast="47" xr6:coauthVersionMax="47" xr10:uidLastSave="{00000000-0000-0000-0000-000000000000}"/>
  <workbookProtection workbookAlgorithmName="SHA-512" workbookHashValue="a1VS3OzMVrhjqt+goIksUFZSXjC+k3LmjVRe2SIjghLxLb+lAQylu9Kp2Ynx49IKvA3VqGzK8oICLlB3hVjqRw==" workbookSaltValue="MToRIHgX+rWZhaRSmBlq9g==" workbookSpinCount="100000" lockStructure="1"/>
  <bookViews>
    <workbookView xWindow="-28920" yWindow="-120" windowWidth="29040" windowHeight="15840"/>
  </bookViews>
  <sheets>
    <sheet name="query (1)" sheetId="1" r:id="rId1"/>
  </sheets>
  <definedNames>
    <definedName name="query__1" localSheetId="0" hidden="1">'query (1)'!$A$1:$D$303</definedName>
  </definedNames>
  <calcPr calcId="0"/>
</workbook>
</file>

<file path=xl/connections.xml><?xml version="1.0" encoding="utf-8"?>
<connections xmlns="http://schemas.openxmlformats.org/spreadsheetml/2006/main">
  <connection id="1" odcFile="C:\Users\s2702584\AppData\Local\Temp\MicrosoftEdgeDownloads\4ccba47d-8225-45a1-ad8f-9ed3ff660a01\query (1).iqy" keepAlive="1" name="query (1)" type="5" refreshedVersion="8" minRefreshableVersion="3" saveData="1">
    <dbPr connection="Provider=Microsoft.Office.List.OLEDB.2.0;Data Source=&quot;&quot;;ApplicationName=Excel;Version=12.0.0.0" command="&lt;LIST&gt;&lt;VIEWGUID&gt;0C121678-1E83-433A-9D1D-50167868EF08&lt;/VIEWGUID&gt;&lt;LISTNAME&gt;7c66ca93-1cff-4a4e-ac59-91e824182cef&lt;/LISTNAME&gt;&lt;LISTWEB&gt;https://griffitheduau.sharepoint.com/sites/IAR-Administration/_vti_bin&lt;/LISTWEB&gt;&lt;LISTSUBWEB&gt;&lt;/LISTSUBWEB&gt;&lt;ROOTFOLDER&gt;&lt;/ROOTFOLDER&gt;&lt;/LIST&gt;" commandType="5"/>
  </connection>
</connections>
</file>

<file path=xl/sharedStrings.xml><?xml version="1.0" encoding="utf-8"?>
<sst xmlns="http://schemas.openxmlformats.org/spreadsheetml/2006/main" count="910" uniqueCount="903">
  <si>
    <t>Name</t>
  </si>
  <si>
    <t>AssetIdentifier</t>
  </si>
  <si>
    <t>Description</t>
  </si>
  <si>
    <t>Date from</t>
  </si>
  <si>
    <t>Chemical Inventory Register</t>
  </si>
  <si>
    <t>IAR-000305</t>
  </si>
  <si>
    <t>A register of controlled chemicals and related resources that are used across Griffith.</t>
  </si>
  <si>
    <t>University Archive</t>
  </si>
  <si>
    <t>IAR-000304</t>
  </si>
  <si>
    <t>The Griffith Archive collects, documents, maintains and publicly presents records and artefacts relevant to the University's history.  It focuses predominantly on capturing the corporate history of the University and making it publicly accessible.</t>
  </si>
  <si>
    <t>Website</t>
  </si>
  <si>
    <t>Mental Health Survey Information covering Minors (research)</t>
  </si>
  <si>
    <t>IAR-000303</t>
  </si>
  <si>
    <t>Results from surveying minors focusing on mental health. Used in research projects.</t>
  </si>
  <si>
    <t xml:space="preserve">TCTL Case </t>
  </si>
  <si>
    <t>IAR-000302</t>
  </si>
  <si>
    <t>The Transforming Corrections to Transform Lives centre uses a case management tool to research ways to improve outcomes through and after incarceration.</t>
  </si>
  <si>
    <t>General Practice Records</t>
  </si>
  <si>
    <t>IAR-000301</t>
  </si>
  <si>
    <t>Health and appointment data for our GP system, Genie.</t>
  </si>
  <si>
    <t>Sports Competitor Register</t>
  </si>
  <si>
    <t>IAR-000300</t>
  </si>
  <si>
    <t>A register of people that participate in Social or Competitive sporting event managed by Griffith Sport within Campus Life.</t>
  </si>
  <si>
    <t>First Advantage</t>
  </si>
  <si>
    <t>IAR-000299</t>
  </si>
  <si>
    <t>First Advantage is a leader among background screening providers, they offer solutions to help  uncover relevant criminal records, sex offenses, and professional or financial sanctions quickly with background checks for employment.</t>
  </si>
  <si>
    <t>Active Kids( Holiday program- Enrollment)</t>
  </si>
  <si>
    <t>IAR-000298</t>
  </si>
  <si>
    <t>Griffith Sports would like to introduce the “Holiday Program” which is managed by Griffith Sports,  this initiative is part of the Active Kids program</t>
  </si>
  <si>
    <t>Purchasing Information (VendorPanel)</t>
  </si>
  <si>
    <t>IAR-000297</t>
  </si>
  <si>
    <t xml:space="preserve">Purchasing information used to purchase items within the VendorPanel system. </t>
  </si>
  <si>
    <t>Solution Architecture Design Documentation</t>
  </si>
  <si>
    <t>IAR-000296</t>
  </si>
  <si>
    <t>The Solution Architecture Design Document provides a view of the solution which aims to communicate the intent of the architects.  The document spans the data, application, and technology architecture domains and also examines all relevant states of the a</t>
  </si>
  <si>
    <t>Ride sharing register</t>
  </si>
  <si>
    <t>IAR-000295</t>
  </si>
  <si>
    <t>A register of people offering car pooling/ride sharing, those looking for rides and a record of trips.</t>
  </si>
  <si>
    <t>Sustainability Development Goals</t>
  </si>
  <si>
    <t>IAR-000294</t>
  </si>
  <si>
    <t xml:space="preserve">The University's ongoing commitment to the environment and sustainability, tracking initiatives and activities related to achieving the United Nations’ 17 Sustainable Development Goals (SDGs), adopted in September 2015. Refer  https://www.griffith.edu.au/sustainable-development.
</t>
  </si>
  <si>
    <t>Program Profile Planning</t>
  </si>
  <si>
    <t>IAR-000293</t>
  </si>
  <si>
    <t>Tool for managing program and course profile changes including new programs, changes to existing programs and program withdrawal.</t>
  </si>
  <si>
    <t>IP Address Management (DNS, DHCP)</t>
  </si>
  <si>
    <t>IAR-000292</t>
  </si>
  <si>
    <t>Configuration and information relating to the planning, tracking, and management of IP address infrastructure in the Griffith network.</t>
  </si>
  <si>
    <t>Microsoft 365 Insights and Actions</t>
  </si>
  <si>
    <t>IAR-000291</t>
  </si>
  <si>
    <t>Insights, alerts and actions of compliance, governance and security status and issues within Microsoft 365 tenancy</t>
  </si>
  <si>
    <t>Workflow configuration</t>
  </si>
  <si>
    <t>IAR-000290</t>
  </si>
  <si>
    <t>Configuration of workflow tools. Currently prescribed for Nintex.</t>
  </si>
  <si>
    <t>ERA Submission</t>
  </si>
  <si>
    <t>IAR-000289</t>
  </si>
  <si>
    <t>Research data, Researcher information (including groups), Commercialisation combined together into the XML document for the ERA (Excellence in Research for Australia) submission.</t>
  </si>
  <si>
    <t>Research Outputs - Creative</t>
  </si>
  <si>
    <t>IAR-000288</t>
  </si>
  <si>
    <t>Creative/ non-traditional research output formats such as audio, video, 3d models, computer games.</t>
  </si>
  <si>
    <t>Employee Engagement Survey</t>
  </si>
  <si>
    <t>IAR-000287</t>
  </si>
  <si>
    <t>Anonymous responses to survey questions through VoiceProject.</t>
  </si>
  <si>
    <t>Griffith Innocence Project legal assets</t>
  </si>
  <si>
    <t>IAR-000286</t>
  </si>
  <si>
    <t>Legal assets created by students, pro-bono lawyers and Griffith staff in processing Griffith Innocence Project cases. This is used in student assessments.</t>
  </si>
  <si>
    <t>EliteForm Exercise Records</t>
  </si>
  <si>
    <t>IAR-000285</t>
  </si>
  <si>
    <t>EliteForm is used by the Strength Lab to record 3d video of users utilising exercise equipment. This is part of L&amp;T activities training students in use of the tool for Griffith Health.</t>
  </si>
  <si>
    <t>Corporate Events and Invitations</t>
  </si>
  <si>
    <t>IAR-000284</t>
  </si>
  <si>
    <t>Data around corporate events managed through the Protocols and Events (and delegated access) via CVent. Contains event details as well as contact details for invitees. Invitees can include dignitaries such as heads of state and notable alumni</t>
  </si>
  <si>
    <t>Medical Centre Simulations</t>
  </si>
  <si>
    <t>IAR-000283</t>
  </si>
  <si>
    <t>Video created in simulated medical environments for the purpose of evaluation and advice to students of their clinical practice.</t>
  </si>
  <si>
    <t>Event Assets for M3 Media Virtual Events</t>
  </si>
  <si>
    <t>IAR-000282</t>
  </si>
  <si>
    <t>Guest lists, Presentations, Seating, etc. stored as part of hosting virtual events through M3 Media</t>
  </si>
  <si>
    <t>Body Bequests</t>
  </si>
  <si>
    <t>IAR-000281</t>
  </si>
  <si>
    <t>Body and Body Part metadata used by Discipline of Anatomy for research and loan</t>
  </si>
  <si>
    <t>COVID Contact Tracing</t>
  </si>
  <si>
    <t>IAR-000280</t>
  </si>
  <si>
    <t>For the COVID-19 pandemic, recording contact details, location and times for persons entering cafes/ sports facilities.</t>
  </si>
  <si>
    <t>Biosciences Resources Facilities Management System</t>
  </si>
  <si>
    <t>IAR-000279</t>
  </si>
  <si>
    <t>Records and reports on the breeding and experimental use of animals (mostly mice and rats) in research as allowed under protocols approved by the Animal Ethics Committee. This information is required for state and federal legislative compliance.</t>
  </si>
  <si>
    <t>Drone Flight Plans and Administrative Information</t>
  </si>
  <si>
    <t>IAR-000278</t>
  </si>
  <si>
    <t>Information on the use of drones including their flight plans including locations and associated authorities, maintenance, and workflow approvals.</t>
  </si>
  <si>
    <t>Practicum/Placement Attendance and Progress</t>
  </si>
  <si>
    <t>IAR-000277</t>
  </si>
  <si>
    <t>Records related to student attendance and/or placement tasks and progression for activities completed on a practicum/placement.</t>
  </si>
  <si>
    <t>Mail Register</t>
  </si>
  <si>
    <t>IAR-000276</t>
  </si>
  <si>
    <t>Lists the items which have been received as physical mail, digitised and distributed to the intended recipient. May also be used for registration and tracking of non-digitised mail items.</t>
  </si>
  <si>
    <t>ProctorU Exam Recording</t>
  </si>
  <si>
    <t>IAR-000275</t>
  </si>
  <si>
    <t>A recording in ProctorU of an exam taken in Learning@Griffith using ProctorU as the proctoring solution</t>
  </si>
  <si>
    <t>Microscopy Images &amp; Analysis Results</t>
  </si>
  <si>
    <t>IAR-000274</t>
  </si>
  <si>
    <t>A collection of images obtained by microscope and their analysis results.</t>
  </si>
  <si>
    <t>Microcredential</t>
  </si>
  <si>
    <t>IAR-000273</t>
  </si>
  <si>
    <t>A non-award accreditation issued to students to officially record and publish the recognition. Includes Griffith Graduate Of Influence (GGOI), First aid provider and soft skills assessment, Pebblepad achievements.</t>
  </si>
  <si>
    <t>Research Adminstration</t>
  </si>
  <si>
    <t>IAR-000272</t>
  </si>
  <si>
    <t>Research Administration and information relating to Grants, Ethics and Consultancy arrangements.</t>
  </si>
  <si>
    <t>Corporate Image Library</t>
  </si>
  <si>
    <t>IAR-000271</t>
  </si>
  <si>
    <t>Rich media including branding, Imagery, graphics, photos, videos, audio, animation, presentations, written content and collateral.</t>
  </si>
  <si>
    <t>Web Server and App Audit and Error Logs</t>
  </si>
  <si>
    <t>IAR-000270</t>
  </si>
  <si>
    <t>Griffith University public wireless service for non-affiliated users visiting the university to access Internet Services - Internal user session data.</t>
  </si>
  <si>
    <t>Academic Records</t>
  </si>
  <si>
    <t>IAR-000269</t>
  </si>
  <si>
    <t>Academic Transcripts, Testamurs and Australian Higher Education Graduation Statement (AHEGS) for graduate students, current students and former graduates.</t>
  </si>
  <si>
    <t>University Internationalisation and Outbound Student Exchange Programs</t>
  </si>
  <si>
    <t>IAR-000268</t>
  </si>
  <si>
    <t>The administration and processing of students to study overseas, including partnership agreements with other Universities and organisations.</t>
  </si>
  <si>
    <t>Dental Clinic Patients and Procedures</t>
  </si>
  <si>
    <t>IAR-000267</t>
  </si>
  <si>
    <t>Record patient details, along with corresponding records about the dental
work that is done on those patients.</t>
  </si>
  <si>
    <t>Prospective Student Recruitment</t>
  </si>
  <si>
    <t>IAR-000266</t>
  </si>
  <si>
    <t xml:space="preserve">Online enquiry form capture of prospective student details. </t>
  </si>
  <si>
    <t>Temporary Staffing Recruitment for the Student Cohort</t>
  </si>
  <si>
    <t>IAR-000265</t>
  </si>
  <si>
    <t>Recruitment platform containing Applicant, UniTemp Employees (Internal and External) and Employer information for matching applicants to advertised jobs.</t>
  </si>
  <si>
    <t>Work Integrated Learning Placements for Student Degrees</t>
  </si>
  <si>
    <t>IAR-000264</t>
  </si>
  <si>
    <t>Work Integrated Learning forms WIL/WEXP completed by students prior to placement commencing.</t>
  </si>
  <si>
    <t>Dental Equipment Washing and Sterilisation Logs</t>
  </si>
  <si>
    <t>IAR-000263</t>
  </si>
  <si>
    <t>Monitoring and tracking of dental equipment washing and sterilisation, and the subsequent usage of this equipment in the Dental Clinic.</t>
  </si>
  <si>
    <t>Compounds</t>
  </si>
  <si>
    <t>IAR-000262</t>
  </si>
  <si>
    <t>Physicochemical information and hashed molecular fingerprints for open collection compounds, generated as part of the compound registration process.</t>
  </si>
  <si>
    <t>International Student Enrolment Management</t>
  </si>
  <si>
    <t>IAR-000261</t>
  </si>
  <si>
    <t>International student enrolment information required for confirmation or change of enrolment details including personal information and visa status. For under 18s, also includes welfare arrangement agreements.</t>
  </si>
  <si>
    <t>Server Logs</t>
  </si>
  <si>
    <t>IAR-000260</t>
  </si>
  <si>
    <t>System log files of web, file and applications servers, including Unix Servers and Windows Servers.</t>
  </si>
  <si>
    <t>Mentor and Mentee Relationships</t>
  </si>
  <si>
    <t>IAR-000259</t>
  </si>
  <si>
    <t xml:space="preserve">Externally-facing mentoring programs. Registration, matching and communication between Mentors and Mentees. Programs include Industry Mentoring Program, E.CareerCoach, Alumnus to Almnus </t>
  </si>
  <si>
    <t>Mindwise College Online Screening</t>
  </si>
  <si>
    <t>IAR-000258</t>
  </si>
  <si>
    <t xml:space="preserve">Mindwise Screening is an online survey that students can complete to learn if they have a behavioral health issue and learn signs and symptoms. Anonymous student survey results, tracks site traffic, device used, which mental health screens are most utilized, breakdown in terms of age, gender, or racial self-identification among users, patterns or trends among screening users .
</t>
  </si>
  <si>
    <t>Donor information and donation amount</t>
  </si>
  <si>
    <t>IAR-000257</t>
  </si>
  <si>
    <t>Payment portal for the donation of monetary gifts.</t>
  </si>
  <si>
    <t>Device Data Monitoring</t>
  </si>
  <si>
    <t>IAR-000256</t>
  </si>
  <si>
    <t>Temperature and humidity information about space and freezer units for management of equipment</t>
  </si>
  <si>
    <t>Password Encryption Information</t>
  </si>
  <si>
    <t>IAR-000255</t>
  </si>
  <si>
    <t>​Identity information related to the management of passwords by Griffith staff.</t>
  </si>
  <si>
    <t>Interactive textbook for neurobiology course</t>
  </si>
  <si>
    <t>IAR-000254</t>
  </si>
  <si>
    <t>​Rich, web-based textbook created by Griffith staff and provided for free to Griffith students in the neurobiology course.</t>
  </si>
  <si>
    <t>Student Interview Recordings for Work Integrated Learning Placements</t>
  </si>
  <si>
    <t>IAR-000253</t>
  </si>
  <si>
    <t>​Videos recorded by students to answer questions posed by prospective industry partners looking to place students in WIL/Industry experiences.</t>
  </si>
  <si>
    <t>Research Data - Discreet Choice Experiment Results</t>
  </si>
  <si>
    <t>IAR-000252</t>
  </si>
  <si>
    <t>​​Research data collected from scenario-based discreet choice experiments by the Centre for Applied Health Economics</t>
  </si>
  <si>
    <t>3D Models</t>
  </si>
  <si>
    <t>IAR-000251</t>
  </si>
  <si>
    <t>​Selected student and staff 3D models used for augmented reality and virtual reality purposes. </t>
  </si>
  <si>
    <t>Incident information from whistleblowers</t>
  </si>
  <si>
    <t>IAR-000250</t>
  </si>
  <si>
    <t>​Highly sensitive, free form information regarding issues such as ethics and compliance violations, HR concerns, fraud reporting, loss prevention etc. Will also include minimal information about the anonymous reporters and email sent for the system to designated recipients.</t>
  </si>
  <si>
    <t>Job Advertisements</t>
  </si>
  <si>
    <t>IAR-000249</t>
  </si>
  <si>
    <t>​Job advertisement information that is posted to external job boards including seek.com and/or unijobs.com etc</t>
  </si>
  <si>
    <t>Cybersecurity Awareness and Training Program</t>
  </si>
  <si>
    <t>IAR-000248</t>
  </si>
  <si>
    <t>​Program to improve the human resiliency element of cybersecurity. Includes phishing simulations, security awareness training material and maturity survey.​</t>
  </si>
  <si>
    <t>Security-related event logs by user and device</t>
  </si>
  <si>
    <t>IAR-000247</t>
  </si>
  <si>
    <t>​Logs useful to security that show vulnerabilities across the University infrastructure.</t>
  </si>
  <si>
    <t>Purchasing Information</t>
  </si>
  <si>
    <t>IAR-000246</t>
  </si>
  <si>
    <t>​Purchasing information used to purchase items within the Unimarket system. Includes secure communication keys used to handle authorisation between PeopleSoft, Unimarket and external suppliers and basic staff profiles including name, staff number and email address.</t>
  </si>
  <si>
    <t>Geographic datasets (Regional Innovation Data Lab)</t>
  </si>
  <si>
    <t>IAR-000245</t>
  </si>
  <si>
    <t>​The Regional Innovation Data Lab will be a demographic and health data lab for the Logan region. The datasets identified and retained in the lab relate to the demographic, economic, health and crime characteristics of the Logan region population. This asset will include spatial datasets suitable for displaying on a map or for use in spatial or statistical analysis, configuration of the geoserver to publish datasets, and metadata records.</t>
  </si>
  <si>
    <t>Lab Training Courses and Results</t>
  </si>
  <si>
    <t>IAR-000244</t>
  </si>
  <si>
    <t>​Lab training lessons configured by Technical Services (Health) staff to be downloaded and installed on lab computers. Includes student results from tests taken on course materials.</t>
  </si>
  <si>
    <t>Master Application Images for Deployment</t>
  </si>
  <si>
    <t>IAR-000243</t>
  </si>
  <si>
    <t>​Virtual applications deployed to existing labs and personal devices</t>
  </si>
  <si>
    <t>Server Metrics Collection</t>
  </si>
  <si>
    <t>IAR-000242</t>
  </si>
  <si>
    <t>​Server metrics for the Unix server fleet used to show dashboards and queries of data stored in whisper files. Metrics may originate from Servers via Collectd or via integration directly with applications.</t>
  </si>
  <si>
    <t>Student Video Interviews for Training Purposes</t>
  </si>
  <si>
    <t>IAR-000241</t>
  </si>
  <si>
    <t>​Recorded interviews used to assess student's interviewing techniques and for training and assessment purposes.</t>
  </si>
  <si>
    <t>Fringe Benefit Tax Calculating</t>
  </si>
  <si>
    <t>IAR-000240</t>
  </si>
  <si>
    <t>​Used by people who are preparing a Fringe Benefits Tax return for Griffith or are preparing a component of the return such as car parking for inclusion in Griffith's return.</t>
  </si>
  <si>
    <t>Cultural Capability</t>
  </si>
  <si>
    <t>IAR-000239</t>
  </si>
  <si>
    <t>​A learning resource used by students undertaking clinical placements, that fosters broader awarenewss of cultural issues in health. </t>
  </si>
  <si>
    <t>Central Video Management System</t>
  </si>
  <si>
    <t>IAR-000238</t>
  </si>
  <si>
    <t>​A system to capture and store the CCTV footage collected via cameras across the Griffith University campuses. </t>
  </si>
  <si>
    <t>Personas</t>
  </si>
  <si>
    <t>IAR-000237</t>
  </si>
  <si>
    <t>​Representations of key audience segments for use by Griffith University staff when completing projects. </t>
  </si>
  <si>
    <t>Student Activity Agreements</t>
  </si>
  <si>
    <t>IAR-000236</t>
  </si>
  <si>
    <t>​Agreements between Griffith University and various high schools to allow that schools students to study subjects at Griffith​</t>
  </si>
  <si>
    <t>Student Self-Assessment Survey</t>
  </si>
  <si>
    <t>IAR-000235</t>
  </si>
  <si>
    <t>Survey results from student participating in the Commonwealth Games Internship program.</t>
  </si>
  <si>
    <t>Prosecution Project Database</t>
  </si>
  <si>
    <t>IAR-000234</t>
  </si>
  <si>
    <t>Collection of digitised images of original handwritten Registers of Criminal Indictments from all Australian Supreme Courts</t>
  </si>
  <si>
    <t>Survey Responses - Research Data</t>
  </si>
  <si>
    <t>IAR-000233</t>
  </si>
  <si>
    <t>Collection of survey responses for various surveys created and used by Griffith University researchers</t>
  </si>
  <si>
    <t xml:space="preserve">Social Media </t>
  </si>
  <si>
    <t>IAR-000232</t>
  </si>
  <si>
    <t>Collection of social media post and statistics created by Griffith OMC staff</t>
  </si>
  <si>
    <t>Bio-specimen Data - Research Data</t>
  </si>
  <si>
    <t>IAR-000231</t>
  </si>
  <si>
    <t>Data repository of patient and bio specimen data, including blood, tissue, DNA  and pathology.</t>
  </si>
  <si>
    <t>Alcohol Education Tool - Research Data</t>
  </si>
  <si>
    <t>IAR-000230</t>
  </si>
  <si>
    <t>Collection of surveys completed by year 7 to 12 age students regarding alcohol consumption</t>
  </si>
  <si>
    <t>Retained Telecommunications Data</t>
  </si>
  <si>
    <t>IAR-000229</t>
  </si>
  <si>
    <t>Collected and encrypted at rest metadata required to be retained by Griffith University under the Telecommunications (Interception and Access) Amendment (Data Retention) Act 2015. Required metadata is only kept for 2 years</t>
  </si>
  <si>
    <t>Biological Assets - Griffith Sciences</t>
  </si>
  <si>
    <t>IAR-000228</t>
  </si>
  <si>
    <t>Data related to the management of biological assets held by Griffith University.</t>
  </si>
  <si>
    <t>Academic Staff - Teaching Practice</t>
  </si>
  <si>
    <t>IAR-000227</t>
  </si>
  <si>
    <t>Collection of best practice teaching practices and technologies. Faculty stories and experiences will be featured.</t>
  </si>
  <si>
    <t>Component and Contact Repository - AMIS</t>
  </si>
  <si>
    <t>IAR-000226</t>
  </si>
  <si>
    <t>Information related to the tracking of information related to services and their components.</t>
  </si>
  <si>
    <t>International Agents - Student Recruitment</t>
  </si>
  <si>
    <t>IAR-000225</t>
  </si>
  <si>
    <t xml:space="preserve">Information related to support/training for Griffith International Agents. </t>
  </si>
  <si>
    <t>Telephone Service Directory and Billing Solution</t>
  </si>
  <si>
    <t>IAR-000224</t>
  </si>
  <si>
    <t>A source database for directory records, voice billing and reporting across the university telecommunication systems.</t>
  </si>
  <si>
    <t>Learning and Teaching - Learning Outcomes</t>
  </si>
  <si>
    <t>IAR-000223</t>
  </si>
  <si>
    <t>Documentation of learning outcomes developed by academics for course profiles</t>
  </si>
  <si>
    <t>Academic Staff - Professional Learning</t>
  </si>
  <si>
    <t>IAR-000222</t>
  </si>
  <si>
    <t>Documentation of learning pathways for professional development of academic staff</t>
  </si>
  <si>
    <t>Student Music Production - Seed</t>
  </si>
  <si>
    <t>IAR-000221</t>
  </si>
  <si>
    <t>Best Bachelor of Popular Music graduating students are featured on Seed. A compliation album featuring original music from these students.</t>
  </si>
  <si>
    <t>Ecological Momentary Assessment - Research Data</t>
  </si>
  <si>
    <t>IAR-000220</t>
  </si>
  <si>
    <t>Surveys completed by participants relating to how young adults' mental representation affects their momentary feelings of worry about crime, and other characteristics of victimisation</t>
  </si>
  <si>
    <t>Learning and Teaching - Exams</t>
  </si>
  <si>
    <t>IAR-000219</t>
  </si>
  <si>
    <t>Examination timetables and exam papers. (Timetables are accessed by the portal.)</t>
  </si>
  <si>
    <t>Scholarship Applications</t>
  </si>
  <si>
    <t>IAR-000218</t>
  </si>
  <si>
    <t>Captured scholarship information to both continuing and future students within Academic, Equity and Sport groups. Applicants can login, register and submit application forms online.</t>
  </si>
  <si>
    <t>Lectures Capture</t>
  </si>
  <si>
    <t>IAR-000216</t>
  </si>
  <si>
    <t>Recordings of course lectures based on course code as well as non-course lecture course activities like seminars, tutorials, workshops, etc.,</t>
  </si>
  <si>
    <t>Research Data - Inactive projects</t>
  </si>
  <si>
    <t>IAR-000215</t>
  </si>
  <si>
    <t>Archives inactive or completed research project data</t>
  </si>
  <si>
    <t>Research Data - projects in progress</t>
  </si>
  <si>
    <t>IAR-000214</t>
  </si>
  <si>
    <t>Records working research project outputs for short period, but does not include final storage of project data.</t>
  </si>
  <si>
    <t>Research Students Information</t>
  </si>
  <si>
    <t>IAR-000213</t>
  </si>
  <si>
    <t>Captures student information for higher degree research</t>
  </si>
  <si>
    <t>Research Information</t>
  </si>
  <si>
    <t>IAR-000212</t>
  </si>
  <si>
    <t>Records researcher's research outputs and related activities including learning and teaching materials and creating profile pages for learning and teaching focussed academics</t>
  </si>
  <si>
    <t>Student Profile Pictures</t>
  </si>
  <si>
    <t>IAR-000211</t>
  </si>
  <si>
    <t>Two photos for each student for the student portal main page</t>
  </si>
  <si>
    <t>Inclusive Housing Development - Research Data</t>
  </si>
  <si>
    <t>IAR-000210</t>
  </si>
  <si>
    <t>Surveys completed by participants relating to factors which affect housing for the disabled</t>
  </si>
  <si>
    <t>Research Facility Asset Management</t>
  </si>
  <si>
    <t>IAR-000209</t>
  </si>
  <si>
    <t>Records usage of laboratory equipment and resources including research facilities by both internal and external users</t>
  </si>
  <si>
    <t>Student Services student and staff Information</t>
  </si>
  <si>
    <t>IAR-000208</t>
  </si>
  <si>
    <t>Information about staff and students case notes on consultation, equity, disability, careers and other welfare matters</t>
  </si>
  <si>
    <t>Learning and Teaching - Lesson curation</t>
  </si>
  <si>
    <t>IAR-000207</t>
  </si>
  <si>
    <t>Collection of teaching material including quiz's, polls, videos, images, drawing-boards, web-content</t>
  </si>
  <si>
    <t>Interviews - assessment</t>
  </si>
  <si>
    <t>IAR-000206</t>
  </si>
  <si>
    <t>Video interviews completed by Health students. Used in assessment</t>
  </si>
  <si>
    <t>Franchise - Research Data</t>
  </si>
  <si>
    <t>IAR-000205</t>
  </si>
  <si>
    <t>Collection of research articles relating to franchising in Australia and New Zealand</t>
  </si>
  <si>
    <t>Project Prosecution - Research Data</t>
  </si>
  <si>
    <t>IAR-000204</t>
  </si>
  <si>
    <t>Transcripts of court records</t>
  </si>
  <si>
    <t>Lift Register</t>
  </si>
  <si>
    <t>IAR-000203</t>
  </si>
  <si>
    <t>Register used to manage lifts owned by the University</t>
  </si>
  <si>
    <t>Pressure Vessels Register</t>
  </si>
  <si>
    <t>IAR-000202</t>
  </si>
  <si>
    <t>Records used to manage pressure vessels owned by the University</t>
  </si>
  <si>
    <t>Asbestos Register</t>
  </si>
  <si>
    <t>IAR-000201</t>
  </si>
  <si>
    <t>Records used to manage asbestos on University premises</t>
  </si>
  <si>
    <t>First Aid Kit Audit Register</t>
  </si>
  <si>
    <t>IAR-000200</t>
  </si>
  <si>
    <t>Records used to manage first aid kits used around the University</t>
  </si>
  <si>
    <t>Emergency Rescue Plan Documentation</t>
  </si>
  <si>
    <t>IAR-000199</t>
  </si>
  <si>
    <t>Records submitted by employees and contractors to conduct maintenance work on University premises in case of emergency.</t>
  </si>
  <si>
    <t>Permit to Work Documentation</t>
  </si>
  <si>
    <t>IAR-000198</t>
  </si>
  <si>
    <t>Records submitted by employees and contractors to conduct maintenance work on University premises.</t>
  </si>
  <si>
    <t>POS Systems - Food and Retail Services</t>
  </si>
  <si>
    <t>IAR-000197</t>
  </si>
  <si>
    <t>Records covering all invoicing and sales completed in food and retail outlets.</t>
  </si>
  <si>
    <t>Functions Management</t>
  </si>
  <si>
    <t>IAR-000196</t>
  </si>
  <si>
    <t>Records used to manage functions executed by the University</t>
  </si>
  <si>
    <t>Space Usage Photos</t>
  </si>
  <si>
    <t>IAR-000195</t>
  </si>
  <si>
    <t>A collection of photos of all spaces across Griffith University used to show Griffith University staff the use and capacity of space in each location.</t>
  </si>
  <si>
    <t>Space Utilisation Reports</t>
  </si>
  <si>
    <t>IAR-000194</t>
  </si>
  <si>
    <t>A collection of documents used to communicate the use, capacity and allocation of space to the wider Griffith community.</t>
  </si>
  <si>
    <t>Space Transactions and Change Approvals</t>
  </si>
  <si>
    <t>IAR-000193</t>
  </si>
  <si>
    <t>A collection of records that contain information relating to the approval of space transactions and change of allocations by senior management staff across Griffith University.</t>
  </si>
  <si>
    <t>Space Management Data</t>
  </si>
  <si>
    <t>IAR-000192</t>
  </si>
  <si>
    <t>A collection of information used to code the space at all five campuses across Griffith University. Includes sub-applications: - Space Model - Space Aid - Space Archive - Space Report</t>
  </si>
  <si>
    <t>Security Guard Register</t>
  </si>
  <si>
    <t>IAR-000191</t>
  </si>
  <si>
    <t>Records used to track the qualifications and suitability of security guards provided by contracting firm.</t>
  </si>
  <si>
    <t>Business Systems User Guides</t>
  </si>
  <si>
    <t>IAR-000190</t>
  </si>
  <si>
    <t>A collection of documentation used for training material on Campus Life software and applications.</t>
  </si>
  <si>
    <t>Technical and Data Flow Specifications</t>
  </si>
  <si>
    <t>IAR-000189</t>
  </si>
  <si>
    <t>A collection of documents associated with technical guides and data flow information across Campus Life.</t>
  </si>
  <si>
    <t>Business Systems Software Code</t>
  </si>
  <si>
    <t>IAR-000188</t>
  </si>
  <si>
    <t>Software code used to improve existing software or create new applications.</t>
  </si>
  <si>
    <t>Security Feedback</t>
  </si>
  <si>
    <t>IAR-000187</t>
  </si>
  <si>
    <t>Records of feedback received from clients regarding security activities</t>
  </si>
  <si>
    <t>Business Process Improvement Documentation</t>
  </si>
  <si>
    <t>IAR-000186</t>
  </si>
  <si>
    <t>A set of documentation created by the Business Systems team for other teams across Campus Life to assess and improve their business processes.</t>
  </si>
  <si>
    <t>Project Lifecycle Process Documentation</t>
  </si>
  <si>
    <t>IAR-000185</t>
  </si>
  <si>
    <t>Documentation comprised of procedural information and templates for the purposes of planning a business systems project.</t>
  </si>
  <si>
    <t>Business Systems Project Documentation</t>
  </si>
  <si>
    <t>IAR-000184</t>
  </si>
  <si>
    <t>A collection of documentation related to the projects undertaken by the Business Systems team.</t>
  </si>
  <si>
    <t>Maintenance Requests and Work Orders</t>
  </si>
  <si>
    <t>IAR-000183</t>
  </si>
  <si>
    <t>A collection of requests for maintenance across all five campuses.</t>
  </si>
  <si>
    <t>Fire Safety Maintenance Records</t>
  </si>
  <si>
    <t>IAR-000182</t>
  </si>
  <si>
    <t>A collection of records related to the maintenance of fire safety equipment and systems.</t>
  </si>
  <si>
    <t>Contractor Database</t>
  </si>
  <si>
    <t>IAR-000181</t>
  </si>
  <si>
    <t>A database of information relating to the list of approved contractors in use by Campus Life, including their licencing, insurance, qualification, training requirements, induction, contractor access, permit to work.</t>
  </si>
  <si>
    <t>Minor Works Project Documentation</t>
  </si>
  <si>
    <t>IAR-000180</t>
  </si>
  <si>
    <t>A collection of information related to the completion of minor works project by facilities staff across all five campuses.</t>
  </si>
  <si>
    <t>As Built Drawings - Hardcopy</t>
  </si>
  <si>
    <t>IAR-000179</t>
  </si>
  <si>
    <t>A collection of hardcopy as built drawings.</t>
  </si>
  <si>
    <t>Energy and Water Readings Management</t>
  </si>
  <si>
    <t>IAR-000178</t>
  </si>
  <si>
    <t>The management of data created in the taking of energy and water readings.</t>
  </si>
  <si>
    <t>Maintenance Feedback</t>
  </si>
  <si>
    <t>IAR-000177</t>
  </si>
  <si>
    <t>Feedback on maintenance and maintenance projects across all five campuses.</t>
  </si>
  <si>
    <t>Cleaning Management Register</t>
  </si>
  <si>
    <t>IAR-000176</t>
  </si>
  <si>
    <t>The management of cleaning and cleaning contractors across all five campuses.</t>
  </si>
  <si>
    <t>Access Card Management</t>
  </si>
  <si>
    <t>IAR-000175</t>
  </si>
  <si>
    <t>The management of access cards across all five campuses.</t>
  </si>
  <si>
    <t>Visitor Parking Management</t>
  </si>
  <si>
    <t>IAR-000174</t>
  </si>
  <si>
    <t>The management of visitor parking allocation.</t>
  </si>
  <si>
    <t>Key Register</t>
  </si>
  <si>
    <t>IAR-000173</t>
  </si>
  <si>
    <t>A database of information used to control the issuing and access to keys used across all of Griffith University.</t>
  </si>
  <si>
    <t>Campus Life Position Descriptions</t>
  </si>
  <si>
    <t>IAR-000172</t>
  </si>
  <si>
    <t>Position descriptions for each role within Campus Life.</t>
  </si>
  <si>
    <t>Safe Work Method Statements</t>
  </si>
  <si>
    <t>IAR-000171</t>
  </si>
  <si>
    <t>A collection of records outlining the hazards of a particular activity and the work activities and control measures designed to avoid potential incidents.</t>
  </si>
  <si>
    <t>Risk Assessments</t>
  </si>
  <si>
    <t>IAR-000170</t>
  </si>
  <si>
    <t>A set of records outlining the assessment of risk completed for activities undertaken by Campus Life staff.</t>
  </si>
  <si>
    <t>Management System Documents</t>
  </si>
  <si>
    <t>IAR-000169</t>
  </si>
  <si>
    <t>A collection of records that outline the current management policies and procedures for all Campus Life staff.</t>
  </si>
  <si>
    <t>Asset Maintenance Records</t>
  </si>
  <si>
    <t>IAR-000168</t>
  </si>
  <si>
    <t>A set of records outlining the corrective and preventive maintenance activities conducted by University staff and contractors across the University's facilities and equipment.</t>
  </si>
  <si>
    <t>Engineering Contracts Templates</t>
  </si>
  <si>
    <t>IAR-000167</t>
  </si>
  <si>
    <t>A set of standard documents maintained for the purpose of creating consistency in engineering contracts across Griffith University.</t>
  </si>
  <si>
    <t>Engineering Contracts</t>
  </si>
  <si>
    <t>IAR-000166</t>
  </si>
  <si>
    <t>A set of records relating to the agreement between Griffith University and its contractors to provide engineering services across the University.</t>
  </si>
  <si>
    <t>Maintenance Manuals</t>
  </si>
  <si>
    <t>IAR-000165</t>
  </si>
  <si>
    <t>A set of manuals outlining the maintenance requirements of all plant and equipment across all facilities of Griffith University.</t>
  </si>
  <si>
    <t>Planning, Design and Construction Contracts</t>
  </si>
  <si>
    <t>IAR-000164</t>
  </si>
  <si>
    <t>A set of records outlining the contracts for planning, design and construction projects between Griffith University and contractors.</t>
  </si>
  <si>
    <t>Technical Drawings</t>
  </si>
  <si>
    <t>IAR-000163</t>
  </si>
  <si>
    <t>A record of the as constructed drawings made available to Griffith University by contractors on the completion of construction or renovation projects.</t>
  </si>
  <si>
    <t>Design Job Requests</t>
  </si>
  <si>
    <t>IAR-000162</t>
  </si>
  <si>
    <t xml:space="preserve">A set of records related to the request for design products to be created. </t>
  </si>
  <si>
    <t>Design Products</t>
  </si>
  <si>
    <t>IAR-000161</t>
  </si>
  <si>
    <t>A collection of finished design products that have been handed over to the client.</t>
  </si>
  <si>
    <t>Design Job Information and History</t>
  </si>
  <si>
    <t>IAR-000160</t>
  </si>
  <si>
    <t>A set of records detailing the design history of each job. May include proof of concepts and communication between designer and client.</t>
  </si>
  <si>
    <t>Design Job Tracking Register</t>
  </si>
  <si>
    <t>IAR-000159</t>
  </si>
  <si>
    <t>A record of the current and completed design jobs.</t>
  </si>
  <si>
    <t>Authorised Person Data</t>
  </si>
  <si>
    <t>IAR-000158</t>
  </si>
  <si>
    <t xml:space="preserve">Records relating to the authorisation for Griffith University staff to act on behalf of the university. </t>
  </si>
  <si>
    <t>Security Logs</t>
  </si>
  <si>
    <t>IAR-000157</t>
  </si>
  <si>
    <t>Information recording the activities undertaken by the security staff.</t>
  </si>
  <si>
    <t>Security Incident Reports</t>
  </si>
  <si>
    <t>IAR-000156</t>
  </si>
  <si>
    <t>A set of records related to the reporting of security incidents across all five campuses.</t>
  </si>
  <si>
    <t>Security staff rosters</t>
  </si>
  <si>
    <t>IAR-000155</t>
  </si>
  <si>
    <t>A set of records relating to the rostering of security staff.</t>
  </si>
  <si>
    <t>Security Contractor Induction Management</t>
  </si>
  <si>
    <t>IAR-000154</t>
  </si>
  <si>
    <t>A set of records around the management of security contractors including tracking of qualifications and training, and procedural information for expected activities.</t>
  </si>
  <si>
    <t>Parking and Security Infringement Court Disputes</t>
  </si>
  <si>
    <t>IAR-000153</t>
  </si>
  <si>
    <t>Records that are required to be produced by the Director, Campus Life in relation to a fines dispute.</t>
  </si>
  <si>
    <t>Parking Permits</t>
  </si>
  <si>
    <t>IAR-000152</t>
  </si>
  <si>
    <t>A set of records relating to the management of parking permits across all five university campuses.</t>
  </si>
  <si>
    <t>Parking Infringement Files</t>
  </si>
  <si>
    <t>IAR-000151</t>
  </si>
  <si>
    <t>A set of records relating to the infringement notices issued by Campus Life Parking staff on behalf of Griffith University. These may include information on fines and statutory declarations.</t>
  </si>
  <si>
    <t>Planning, Design and Construction Project Files</t>
  </si>
  <si>
    <t>IAR-000150</t>
  </si>
  <si>
    <t>A set of records associated with the project management of capital works and minor works project across the university. Includes tender submissions, tender board reports, letter to tenderers, task orders, certificates of completion, variation and task ord</t>
  </si>
  <si>
    <t>Griffith Child Care Human Resources</t>
  </si>
  <si>
    <t>IAR-000149</t>
  </si>
  <si>
    <t>Training, induction, performance management and staff requirements of Griffith Child Care employees</t>
  </si>
  <si>
    <t>Griffith Sport Staff Training Register</t>
  </si>
  <si>
    <t>IAR-000148</t>
  </si>
  <si>
    <t>Training, qualifications, and emergency contact details of all Griffith Sport staff</t>
  </si>
  <si>
    <t>Child care operational documentation</t>
  </si>
  <si>
    <t>IAR-000147</t>
  </si>
  <si>
    <t>Policies and procedures for child care facilities and staff, and documentation for assessment and ratings, legislative requirements, curriculum management, health and safety, and student management. Also includes the Quality Improvement Plan</t>
  </si>
  <si>
    <t>Child enrolment files</t>
  </si>
  <si>
    <t>IAR-000146</t>
  </si>
  <si>
    <t>Records on all enrolments and waiting lists for child care services. Includes the care of children in holiday programs.</t>
  </si>
  <si>
    <t>Sporting facilities and activities operational documentation</t>
  </si>
  <si>
    <t>IAR-000145</t>
  </si>
  <si>
    <t>Guidelines, planning documentation, risk assessments and procedures</t>
  </si>
  <si>
    <t>Membership Files</t>
  </si>
  <si>
    <t>IAR-000144</t>
  </si>
  <si>
    <t>Records on each of the members of all of the university's gyms, swimming centre, clubs and sports activities (unigames). Includes contact details, medical information, and class tracking. SPAWTZ website will be integrated with a new payment gateway (Payrix) for all membership fees &amp; games etc.</t>
  </si>
  <si>
    <t>Labour Management Files</t>
  </si>
  <si>
    <t>IAR-000143</t>
  </si>
  <si>
    <t>Training and personnel management files to ensure staff are properly qualified.</t>
  </si>
  <si>
    <t>Food and Cooking Equipment Temperature Data</t>
  </si>
  <si>
    <t>IAR-000142</t>
  </si>
  <si>
    <t>Temperature data for food and cooking equipment located in the outlets. Logged and managed by outlet staff</t>
  </si>
  <si>
    <t>Freezer and Refrigerator Temperature Data</t>
  </si>
  <si>
    <t>IAR-000141</t>
  </si>
  <si>
    <t>Temperature data automatically generated by freezers and refrigerators that are located in the outlets.</t>
  </si>
  <si>
    <t>Workplace Health and Safety Records (Campus Life)</t>
  </si>
  <si>
    <t>IAR-000140</t>
  </si>
  <si>
    <t>Records collected to meet WH and S regulations.</t>
  </si>
  <si>
    <t>Liquor and catering applications</t>
  </si>
  <si>
    <t>IAR-000139</t>
  </si>
  <si>
    <t>Applications and approvals to consume liquor on campus and hire external caterers.</t>
  </si>
  <si>
    <t>Student Files - Accommodation</t>
  </si>
  <si>
    <t>IAR-000138</t>
  </si>
  <si>
    <t>A set of records associated with student accommodation including acceptance letters, emergency contacts, room management, financial information.</t>
  </si>
  <si>
    <t>Policies and Procedures - Student Accommodation</t>
  </si>
  <si>
    <t>IAR-000137</t>
  </si>
  <si>
    <t>A complete set of records outlining the policies and procedures of accommodation staff, and codes of conduct for students.</t>
  </si>
  <si>
    <t>Master set of exams</t>
  </si>
  <si>
    <t>IAR-000136</t>
  </si>
  <si>
    <t>Managed in Databee but moved to RM8 as part of the record keeping process</t>
  </si>
  <si>
    <t>Griffith University handbooks</t>
  </si>
  <si>
    <t>IAR-000135</t>
  </si>
  <si>
    <t>Digitised student handbooks from 1976-2001.</t>
  </si>
  <si>
    <t>Media Production Services handover packages</t>
  </si>
  <si>
    <t>IAR-000134</t>
  </si>
  <si>
    <t xml:space="preserve">Final outputs from video projects undertaken by Media Production Services. </t>
  </si>
  <si>
    <t>Griffith ePress scholarly journals</t>
  </si>
  <si>
    <t>IAR-000132</t>
  </si>
  <si>
    <t xml:space="preserve">Open access scholarly journals affiliated with Griffith University. </t>
  </si>
  <si>
    <t>Research outputs - other</t>
  </si>
  <si>
    <t>IAR-000131</t>
  </si>
  <si>
    <t>Outputs such as reports and working papers produced through Griffith-affiliated research.</t>
  </si>
  <si>
    <t>Research outputs - data</t>
  </si>
  <si>
    <t>IAR-000130</t>
  </si>
  <si>
    <t xml:space="preserve">A collection of datasets and data collections produced through Griffith-affiliated research.  </t>
  </si>
  <si>
    <t>Research outputs - HDR theses</t>
  </si>
  <si>
    <t>IAR-000129</t>
  </si>
  <si>
    <t>A collection of Griffith University dissertations submitted as part of the award of PhD, professional Doctorates, and Masters (Research) qualifications.</t>
  </si>
  <si>
    <t>Research outputs - publications</t>
  </si>
  <si>
    <t>IAR-000128</t>
  </si>
  <si>
    <t xml:space="preserve">Records of Griffith University research outputs such as journal articles, books, book chapters and conference papers. </t>
  </si>
  <si>
    <t>Library - bookings</t>
  </si>
  <si>
    <t>IAR-000127</t>
  </si>
  <si>
    <t>Library bookings using Libcal is used by Assistive Technology to book their rooms and to book equipment, by LLS to book consults and library rooms, and by Tech Assist stations for student and staff book face to face IT help </t>
  </si>
  <si>
    <t>Library - subject guides</t>
  </si>
  <si>
    <t>IAR-000126</t>
  </si>
  <si>
    <t xml:space="preserve">Webpages that contain information and links to key resources that are relevant to particular disciplines. </t>
  </si>
  <si>
    <t>Library - reading lists</t>
  </si>
  <si>
    <t>IAR-000125</t>
  </si>
  <si>
    <t xml:space="preserve">Lists of required and recommended readings that are associated with each unit of study. </t>
  </si>
  <si>
    <t>Library - electronic resource access configuration and logs</t>
  </si>
  <si>
    <t>IAR-000124</t>
  </si>
  <si>
    <t>EzProxy enables access to licensed Library resources like articles and ebooks.  It records access in log files.  Modified access logs for the library proxy service. Logs activities such as page loads and http requests, for the purposes of performance monitoring, security, and usage statistics.</t>
  </si>
  <si>
    <t>Library - electronic resource statistics</t>
  </si>
  <si>
    <t>IAR-000123</t>
  </si>
  <si>
    <t xml:space="preserve">Aggregated holdings and usage data for the library's electronic resources, used for library management and decision making. </t>
  </si>
  <si>
    <t>Library - borrowing records</t>
  </si>
  <si>
    <t>IAR-000122</t>
  </si>
  <si>
    <t xml:space="preserve">Information about individual library users' transactions, including what items they have borrowed, placed on hold or have overdue. Does not include electronic resource usage. </t>
  </si>
  <si>
    <t>Library - licensing information</t>
  </si>
  <si>
    <t>IAR-000121</t>
  </si>
  <si>
    <t>​License conditions to be made available publically re fair use and interlibrary loans and use in VLE.  Full confidential license is stored elsewhere</t>
  </si>
  <si>
    <t>Library - vendor records</t>
  </si>
  <si>
    <t>IAR-000120</t>
  </si>
  <si>
    <t>Information about the vendors that the Library acquires resources from (including by subscription).</t>
  </si>
  <si>
    <t>Library - holdings records</t>
  </si>
  <si>
    <t>IAR-000119</t>
  </si>
  <si>
    <t>Information about library holdings. Usually includes information about copies / formats a resource is held in, as well as their physical and/or electronic locations.</t>
  </si>
  <si>
    <t>Library - bibliographic records</t>
  </si>
  <si>
    <t>IAR-000118</t>
  </si>
  <si>
    <t xml:space="preserve">Library catalogue records for resources owned or subscribed to by the Library. Usually includes a description of the item, subject headings and the classification or call number. </t>
  </si>
  <si>
    <t>Library - authority records</t>
  </si>
  <si>
    <t>IAR-000117</t>
  </si>
  <si>
    <t>Records of the standardized forms of names for people, corporate bodies (for example, societies, businesses, institutions, etc.), titles, and subjects, that  are used as access points in a bibliographic record.</t>
  </si>
  <si>
    <t>Library collections - digitised content - images</t>
  </si>
  <si>
    <t>IAR-000116</t>
  </si>
  <si>
    <t xml:space="preserve">Metadata records and digital images focused on art and architecture, obtained from commercial sources and digitised from 35mm slides. </t>
  </si>
  <si>
    <t>Library collections - digitised content - multimedia</t>
  </si>
  <si>
    <t>IAR-000115</t>
  </si>
  <si>
    <t xml:space="preserve">Copies of videos acquired through off-air recording or purchased by the Library, to be made accessible online for courses. </t>
  </si>
  <si>
    <t>Library collections - digitised content - course readings</t>
  </si>
  <si>
    <t>IAR-000114</t>
  </si>
  <si>
    <t xml:space="preserve">Copies of required and recommended course readings that have been digitised from print materials at Griffith or elsewhere. </t>
  </si>
  <si>
    <t>Student Portal</t>
  </si>
  <si>
    <t>IAR-000113</t>
  </si>
  <si>
    <t>Framework for pulling together all other assets information from various systems such as PeopleSoft etc.</t>
  </si>
  <si>
    <t>Intranet Website (authenticated)</t>
  </si>
  <si>
    <t>IAR-000112</t>
  </si>
  <si>
    <t>Restricted content in the CMS on www.griffith.edu.au and intranet.secure.griffith.edu.au</t>
  </si>
  <si>
    <t>Service Management Support</t>
  </si>
  <si>
    <t>IAR-000111</t>
  </si>
  <si>
    <t>Griffith users have access to data via dashboard and reporting functionality via a service desk tool with functions that include: - Incident and Request Management - Change Management - Configuration Management</t>
  </si>
  <si>
    <t xml:space="preserve">SharePoint </t>
  </si>
  <si>
    <t>IAR-000110</t>
  </si>
  <si>
    <t>Microsoft SharePoint Content Management System</t>
  </si>
  <si>
    <t>IAR-000109</t>
  </si>
  <si>
    <t>Public Website (unauthenticated content)</t>
  </si>
  <si>
    <t>IAR-000108</t>
  </si>
  <si>
    <t>Public content in the CMS on www.griffith.edu.au and intranet.secure.griffith.edu.au</t>
  </si>
  <si>
    <t>SEC/SET surveys and collected data</t>
  </si>
  <si>
    <t>IAR-000107</t>
  </si>
  <si>
    <t>Data sets of SEC/SET surveys and collated data for use in assessing a range of University activities</t>
  </si>
  <si>
    <t>Griffith News</t>
  </si>
  <si>
    <t>IAR-000106</t>
  </si>
  <si>
    <t>Griffith news and events information published in a Griffith University Wordpress site</t>
  </si>
  <si>
    <t>IAR-000104</t>
  </si>
  <si>
    <t>Maintained by ICS for the VC's office. Supports university events and Vice Chancellor appointments. This is primarily about events management, only a little bit about marketing</t>
  </si>
  <si>
    <t>Timetabled and Non-timetabled Room Scheduling</t>
  </si>
  <si>
    <t>IAR-000103</t>
  </si>
  <si>
    <t>Class timetabling information that interfaces to and from PeopleSoft. (including interface)</t>
  </si>
  <si>
    <t>Student Files</t>
  </si>
  <si>
    <t>IAR-000102</t>
  </si>
  <si>
    <t>Student Files originally captured into Fuji Xerox (previously) Salmat, that have not been migrated into HPE Records Manager due to poor quality metadata.</t>
  </si>
  <si>
    <t>Orientation Week Events Information</t>
  </si>
  <si>
    <t>IAR-000101</t>
  </si>
  <si>
    <t>Information related to Orientation Week Activities.</t>
  </si>
  <si>
    <t xml:space="preserve">Student Enrolment </t>
  </si>
  <si>
    <t>IAR-000100</t>
  </si>
  <si>
    <t>Information related to Leave of Absence, Cancellation of Enrolment, Internal Transfer Forms</t>
  </si>
  <si>
    <t>International application forms</t>
  </si>
  <si>
    <t>IAR-000099</t>
  </si>
  <si>
    <t>Griffith International student forms including enrolments, offers and academic payment plans.</t>
  </si>
  <si>
    <t>Domestic application forms</t>
  </si>
  <si>
    <t>IAR-000098</t>
  </si>
  <si>
    <t>The Domestic application form is only one of many other forms that fall within the Student Online Forms (PHP) development space. Form changes are managed by PHP developers. Potential students use the form for application and admission. Students create a L</t>
  </si>
  <si>
    <t>Photographs for Identification Cards</t>
  </si>
  <si>
    <t>IAR-000097</t>
  </si>
  <si>
    <t>Photographs to produce student identity cards based on a meta-directory feed of student data from PeopleSoft.</t>
  </si>
  <si>
    <t>Electronic Offers of Admission</t>
  </si>
  <si>
    <t>IAR-000096</t>
  </si>
  <si>
    <t>HDR, QTAC, OUA and QIBT welcome sites, all the on boarding - password, letter of offer, etc.</t>
  </si>
  <si>
    <t xml:space="preserve">Student Admission </t>
  </si>
  <si>
    <t>IAR-000095</t>
  </si>
  <si>
    <t>Information related to online academic title applications from health and medical professionals</t>
  </si>
  <si>
    <t>Credit Precedent Information</t>
  </si>
  <si>
    <t>IAR-000094</t>
  </si>
  <si>
    <t>Credit for prior learning and articulation</t>
  </si>
  <si>
    <t>Profile of all Academics / Researchers at Griffith (Griffith Experts)</t>
  </si>
  <si>
    <t>IAR-000093</t>
  </si>
  <si>
    <t>Information related to Griffith's Academics, Researcher Profiles, Grant details and Research Outputs</t>
  </si>
  <si>
    <t>Workplace Health and Safety Records (Rehabilitation)</t>
  </si>
  <si>
    <t>IAR-000092</t>
  </si>
  <si>
    <t>Information related to supporting the return to work of an injured employee to ensure the employee's earliest possible return to work and/or maximise the employee's independent functioning. The process aims to assist the worker to achieve their pre-injury</t>
  </si>
  <si>
    <t>Workplace Health and Safety Records (Accidents and Incidents)</t>
  </si>
  <si>
    <t>IAR-000091</t>
  </si>
  <si>
    <t>Information related to dealing with mishaps or hazards causing death or injury on a public authority's premises. Includes injury or death to an employee travelling for the purposes of employment (while on duty or official business), or to members of the public</t>
  </si>
  <si>
    <t>University Owned Companies and Shares</t>
  </si>
  <si>
    <t>IAR-000090</t>
  </si>
  <si>
    <t>Information related to the university's partial or full ownership of companies and shares.</t>
  </si>
  <si>
    <t>Other University Committees (to 2014)</t>
  </si>
  <si>
    <t>IAR-000089</t>
  </si>
  <si>
    <t>Information related to managing other University committees not deemed to be significant formed to progress or resolve issues. Includes the establishment, appointment of members, meetings and reporting of the committee.</t>
  </si>
  <si>
    <t>University Licensing and Accreditation</t>
  </si>
  <si>
    <t>IAR-000088</t>
  </si>
  <si>
    <t>Information related to the University seeking institutional accreditation as an educational provider with the Commonwealth Register of Institutions and Courses for Overseas Students (CRICOS).</t>
  </si>
  <si>
    <t>Governing Boards and Significant Committees (to  2014)</t>
  </si>
  <si>
    <t>IAR-000087</t>
  </si>
  <si>
    <t>Information related to managing significant University committees formed to progress or resolve issues. Includes the establishment, appointment of members, meetings and reporting of the committee.</t>
  </si>
  <si>
    <t>Agreements and Contracts</t>
  </si>
  <si>
    <t>IAR-000086</t>
  </si>
  <si>
    <t>Contracts, agreements, deeds and memoranda of understanding relating</t>
  </si>
  <si>
    <t>Teaching and Learning Curriculum Management</t>
  </si>
  <si>
    <t>IAR-000085</t>
  </si>
  <si>
    <t>Information related to development, approval and review of curriculum. Includes accreditation.</t>
  </si>
  <si>
    <t>Teaching and Learning Commercialisation</t>
  </si>
  <si>
    <t>IAR-000084</t>
  </si>
  <si>
    <t>Information related to  gaining economic benefit from a product derived from teaching.</t>
  </si>
  <si>
    <t>Teaching and Learning Clinics</t>
  </si>
  <si>
    <t>IAR-000083</t>
  </si>
  <si>
    <t>Information related to providing a service to the community by the university's students in the course of their studies under the supervision of teaching staff and practising professionals. Includes veterinary, health, dental, allied health clinics. May a</t>
  </si>
  <si>
    <t>Teaching and Learning Awards</t>
  </si>
  <si>
    <t>IAR-000082</t>
  </si>
  <si>
    <t>Information related to the granting of awards to staff in recognition of teaching excellence. Includes awards for university teaching given to individuals or to the institution, and internal and external awards.</t>
  </si>
  <si>
    <t>Student Files - Medical Information</t>
  </si>
  <si>
    <t>IAR-000081</t>
  </si>
  <si>
    <t>Medical information as it relates to student files</t>
  </si>
  <si>
    <t>IAR-000080</t>
  </si>
  <si>
    <t xml:space="preserve">Student Files contain enrolment records about any student ever enrolled at Griffith. </t>
  </si>
  <si>
    <t>Student Exchange Programs</t>
  </si>
  <si>
    <t>IAR-000079</t>
  </si>
  <si>
    <t xml:space="preserve">Information related to opportunities for students to attend another institution, whilst still being enrolled at the university. </t>
  </si>
  <si>
    <t>Scholarships Prizes and Awards</t>
  </si>
  <si>
    <t>IAR-000078</t>
  </si>
  <si>
    <t>Information related to the provision and award of scholarships, prizes, awards, bursaries, sponsorships and medals on academic merit or other grounds. Includes liaison with sponsors.</t>
  </si>
  <si>
    <t>Programs and Courses Guides</t>
  </si>
  <si>
    <t>IAR-000077</t>
  </si>
  <si>
    <t xml:space="preserve">Guides to programs and courses offered by the university. </t>
  </si>
  <si>
    <t>Graduations</t>
  </si>
  <si>
    <t>IAR-000076</t>
  </si>
  <si>
    <t xml:space="preserve">Information related to the conferral of an academic award following the completion of course or program requirements. </t>
  </si>
  <si>
    <t>Disaster Recovery</t>
  </si>
  <si>
    <t>IAR-000075</t>
  </si>
  <si>
    <t>Information related to the process of returning a public authority or system to a state of normality after the occurrence of a disastrous event.</t>
  </si>
  <si>
    <t>Audits (Non-financial)</t>
  </si>
  <si>
    <t>IAR-000074</t>
  </si>
  <si>
    <t>Information related to formalised internal checks of systems, records and processes, against relevant legislation, regulation and standards.</t>
  </si>
  <si>
    <t>Research - Research Project Administration</t>
  </si>
  <si>
    <t>IAR-000073</t>
  </si>
  <si>
    <t>Information related to inquiries or investigations into a specific subject to discover and/or apply knowledge facts or principles. This includes the development, submission and approval of research project proposals; the management of research projects an</t>
  </si>
  <si>
    <t>Research - Research Centres</t>
  </si>
  <si>
    <t>IAR-000072</t>
  </si>
  <si>
    <t>Information related to managing internally funded research centres of the University. For joint ventures with other partners, refer to Government Relations - Joint Ventures.</t>
  </si>
  <si>
    <t>Research - Intellectual Property Management</t>
  </si>
  <si>
    <t>IAR-000071</t>
  </si>
  <si>
    <t>Information related to managing the University's intellectual property, both published and unpublished, and the use of intellectual property owned by another party.   Includes: - the management of knowledge, copyright, design, patents and trademarks, roya</t>
  </si>
  <si>
    <t>Research - Ethical Clearances (Human)</t>
  </si>
  <si>
    <t>IAR-000070</t>
  </si>
  <si>
    <t>Information related to the administration of gaining ethical clearance in relation to research and research training activities. Includes human and animal research and genetic manipulation.</t>
  </si>
  <si>
    <t>Research - Ethical Clearances (Animal)</t>
  </si>
  <si>
    <t>IAR-000069</t>
  </si>
  <si>
    <t>Research - Consultancy for Commercial Gain</t>
  </si>
  <si>
    <t>IAR-000068</t>
  </si>
  <si>
    <t>Information related to the provision of professional and testing services to external bodies, by the University or its staff.</t>
  </si>
  <si>
    <t>Research - Commercialisation</t>
  </si>
  <si>
    <t>IAR-000067</t>
  </si>
  <si>
    <t>Information related to gaining economic benefit from a product derived from research.</t>
  </si>
  <si>
    <t>Publishing - Intellectual Property</t>
  </si>
  <si>
    <t>IAR-000066</t>
  </si>
  <si>
    <t>Information related to managing the University's intellectual property both published and unpublished. Includes copyright, patents and trademarks, royalties and matters of confidentiality such as trade secrets which are not available to the public under t</t>
  </si>
  <si>
    <t>Publishing - Agreements</t>
  </si>
  <si>
    <t>IAR-000065</t>
  </si>
  <si>
    <t>Information related to negotiating, managing and reviewing agreements.  Authors, Agents, Distributors Agreements with authors, agents and distributors detailing terms and conditions of publication. Includes agreements relating to copyright ownership, roya</t>
  </si>
  <si>
    <t>Legal Services - Litigation</t>
  </si>
  <si>
    <t>IAR-000064</t>
  </si>
  <si>
    <t>Information related to managing lawsuits or legal proceedings between the University and other parties in a court or other tribunals. Includes briefs for counsel; copies of documents required by or lodged with a court; consultation with other public autho</t>
  </si>
  <si>
    <t>Legal Services - Advice</t>
  </si>
  <si>
    <t>IAR-000063</t>
  </si>
  <si>
    <t>Information related to seeking and receiving advice concerning the implication of decisions or course of action. Includes the creation of precedent or proforma legal documents.</t>
  </si>
  <si>
    <t>Records Disposal Authorisation</t>
  </si>
  <si>
    <t>IAR-000062</t>
  </si>
  <si>
    <t>Information related to disposal of university records and information assets, including library resources, in accordance with approved Retention and Disposal Schedule or other approved processes.</t>
  </si>
  <si>
    <t>3rd Party Discovery Requests</t>
  </si>
  <si>
    <t>IAR-000061</t>
  </si>
  <si>
    <t>Information related to complying with discovery requests under Right to Information or Freedom of Information, including non-party disclosures (NPD).</t>
  </si>
  <si>
    <t>Personnel Files</t>
  </si>
  <si>
    <t>IAR-000060</t>
  </si>
  <si>
    <t>Records documenting the appointment and consolidated employment history of employees.</t>
  </si>
  <si>
    <t>Staff Exchanges</t>
  </si>
  <si>
    <t>IAR-000059</t>
  </si>
  <si>
    <t>Information related to cooperating with other institutions to provide staff with opportunities to develop, teach or research at another institution while maintaining their substantive appointment.</t>
  </si>
  <si>
    <t>Academic Promotion</t>
  </si>
  <si>
    <t>IAR-000058</t>
  </si>
  <si>
    <t xml:space="preserve">Information related to the process of offering academic or research staff opportunities for promotion based on personal merit rather than a position vacancy. </t>
  </si>
  <si>
    <t>Human Resources - Policies and Procedures</t>
  </si>
  <si>
    <t>IAR-000057</t>
  </si>
  <si>
    <t>Information related to formulating deliberate plans of actions and/or organisational behaviours at the Executive level, which act as a reference and precedent for operational and procedural decision making.</t>
  </si>
  <si>
    <t>Personnel Misconduct</t>
  </si>
  <si>
    <t>IAR-000056</t>
  </si>
  <si>
    <t>Information related to the management of discipline or academic/professional misconduct processes, including initial investigations and charges, formal enquiries, findings, appeals and outcomes.</t>
  </si>
  <si>
    <t>Industrial Relations - Staff</t>
  </si>
  <si>
    <t>IAR-000055</t>
  </si>
  <si>
    <t>Information related to industrial relations, including arbitration, industrial disputes, industrial awards and agreements made between the department and the union; and industrial matters covering conditions of employment, determination of remuneration fo</t>
  </si>
  <si>
    <t>Industrial Relations - Public</t>
  </si>
  <si>
    <t>IAR-000054</t>
  </si>
  <si>
    <t>Position Classification and Evaluation</t>
  </si>
  <si>
    <t>IAR-000053</t>
  </si>
  <si>
    <t>Information related to creation, variation, abolition, transfer, review and evaluation of positions, roles and duties of employees against existing or planned organisational structures.</t>
  </si>
  <si>
    <t>Employee Complaints Management</t>
  </si>
  <si>
    <t>IAR-000052</t>
  </si>
  <si>
    <t>Information related to issues or complaints raised by employees in relation to any work incident, action or decision which directly affects them and which they perceive to be unfair or unreasonable. May also be known as a grievance.</t>
  </si>
  <si>
    <t>Personnel Workers' Compensation</t>
  </si>
  <si>
    <t>IAR-000051</t>
  </si>
  <si>
    <t xml:space="preserve">Information related to the provision of compensation to staff while proceeding to or from work, and visitors injured during working hours on the University's premises. </t>
  </si>
  <si>
    <t>Personnel Awards and Recognition</t>
  </si>
  <si>
    <t>IAR-000050</t>
  </si>
  <si>
    <t>Information related to the establishment of, and terms and conditions for, schemes for the recognition of excellence in performance by staff.</t>
  </si>
  <si>
    <t>Software Asset Management</t>
  </si>
  <si>
    <t>IAR-000049</t>
  </si>
  <si>
    <t>Information relating to the purchase and management of software. Includes Softrack, Software Purchase Shopping Cart, Software Licence and Download.</t>
  </si>
  <si>
    <t>Government Relations - Inquiries</t>
  </si>
  <si>
    <t>IAR-000048</t>
  </si>
  <si>
    <t>Information related to liaising with bodies carrying out inquiries and participating in them.   Inquiries are investigations carried out by persons or bodies that have been empowered to inquire and report on a subject, such as Commissions of Inquiry, Roya</t>
  </si>
  <si>
    <t>Food Services - Planning</t>
  </si>
  <si>
    <t>IAR-000047</t>
  </si>
  <si>
    <t>Information related to formulating strategies to achieve an objective or outcome. Including development food safety programs.</t>
  </si>
  <si>
    <t>Food Services - Authorisations</t>
  </si>
  <si>
    <t>IAR-000046</t>
  </si>
  <si>
    <t>Information related to the University seeking permission to undertake an action. Food premise registration records may either be managed as part of the food operator licence application or as part of the building development process.</t>
  </si>
  <si>
    <t>Student Information</t>
  </si>
  <si>
    <t>IAR-000045</t>
  </si>
  <si>
    <t>Information about the entire student lifecycle- and information can be entered by students- staff and secure system interfaces. Functions: - Recruiting - Admissions - Campus Community - Campus Self Service - Examinations - Graduations - Student Financials - Pre-Departure Trip Tracking Records - Grade and Assessment Marks</t>
  </si>
  <si>
    <t>Student Recruitment Agencies</t>
  </si>
  <si>
    <t>IAR-000044</t>
  </si>
  <si>
    <t>Information related to the use of representative services and agencies external to the university to facilitate relations with prospective students.</t>
  </si>
  <si>
    <t>PeopleSoft Research Administration System (RAD)</t>
  </si>
  <si>
    <t>IAR-000043</t>
  </si>
  <si>
    <t>Records details of centres and associated researchers. Functions: - Ethics - Publications - Records current and future funding sources - Scholar's Hub renamed to Griffith Experts. The Research Hub is being expanded into the Scholars Hub during 2014. An aggre</t>
  </si>
  <si>
    <t>Association with external entities</t>
  </si>
  <si>
    <t>IAR-000042</t>
  </si>
  <si>
    <t>Information related to maintaining contact between the University and external bodies, including professional associations, professionals in related fields, other universities, private sector organisations, community groups, student representative bodies,</t>
  </si>
  <si>
    <t>Parking Permit Information</t>
  </si>
  <si>
    <t>IAR-000041</t>
  </si>
  <si>
    <t>Portal Application that manages requests for parking permits and is linked to the Payment Gateway. - Self Service</t>
  </si>
  <si>
    <t>Staff Information</t>
  </si>
  <si>
    <t>IAR-000040</t>
  </si>
  <si>
    <t>Records and manages positions and employees. Calculates, records and generates payments (payroll). Records attendance details for casual staff and calculates their payment information. Manage applicants for vacant positions and / or generate Griffith ID. Reco</t>
  </si>
  <si>
    <t>Policy Library</t>
  </si>
  <si>
    <t>IAR-000039</t>
  </si>
  <si>
    <t>Document management and publishing system for University policies. Original version developed  by Dialog but now maintained by ECS</t>
  </si>
  <si>
    <t>Program Catalogue (previous)</t>
  </si>
  <si>
    <t>IAR-000038</t>
  </si>
  <si>
    <t>Program catalogue for students (Student Admin system)</t>
  </si>
  <si>
    <t xml:space="preserve">Program Catalogue </t>
  </si>
  <si>
    <t>IAR-000037</t>
  </si>
  <si>
    <t>Web program catalogue for students (Student Admin system)</t>
  </si>
  <si>
    <t>Reporting Information</t>
  </si>
  <si>
    <t>IAR-000036</t>
  </si>
  <si>
    <t>Cognos BI reports on enterprise information such as student and HR information from the Griffith Oracle data warehouse.</t>
  </si>
  <si>
    <t>Parking</t>
  </si>
  <si>
    <t>IAR-000035</t>
  </si>
  <si>
    <t>Takes photo and generates tickets, looking at replacing this. Parking enforcement generates data down to the Filemaker Pro 'Fines' application</t>
  </si>
  <si>
    <t xml:space="preserve">Parking </t>
  </si>
  <si>
    <t>IAR-000034</t>
  </si>
  <si>
    <t>Saves data back to Filemaker Pro 'Fines' application</t>
  </si>
  <si>
    <t xml:space="preserve">Online Phone Book </t>
  </si>
  <si>
    <t>IAR-000033</t>
  </si>
  <si>
    <t>Web-based contact directory for Griffith staff and Business elements</t>
  </si>
  <si>
    <t>Occupational Health and Safety Information</t>
  </si>
  <si>
    <t>IAR-000032</t>
  </si>
  <si>
    <t>Health and safety incident and risk reporting</t>
  </si>
  <si>
    <t>Financial Information</t>
  </si>
  <si>
    <t>IAR-000031</t>
  </si>
  <si>
    <t>Records and maintains financial data for the University. Functions: - Accounts Payable - Accounts Receivable - Asset Management - Bank Reconciliation - Billing - General Ledger - Purchasing - Cashiering - Procurement</t>
  </si>
  <si>
    <t xml:space="preserve">Meeting Management </t>
  </si>
  <si>
    <t>IAR-000030</t>
  </si>
  <si>
    <t>Supports the administration of: the University Committees website including: - council and the relationship of its committees;  - an overview of the faculty boards and their related school committees, with links to the members. Note - this is the PHP app w</t>
  </si>
  <si>
    <t>Mail Services information</t>
  </si>
  <si>
    <t>IAR-000029</t>
  </si>
  <si>
    <t>Information to manage shipping of mail outside of the University.</t>
  </si>
  <si>
    <t xml:space="preserve">Logistics Management </t>
  </si>
  <si>
    <t>IAR-000028</t>
  </si>
  <si>
    <t>Records relating to organisation of Open Day or Experience Day</t>
  </si>
  <si>
    <t>Library produced videos</t>
  </si>
  <si>
    <t>IAR-000027</t>
  </si>
  <si>
    <t>Short videos produced by discipline librarian to support digital capability and library skills</t>
  </si>
  <si>
    <t>Library Resources</t>
  </si>
  <si>
    <t>IAR-000026</t>
  </si>
  <si>
    <t>Contains a number of components to manage e-resources and make them accessible: 360 Resource Manager (ERM):  360 Link: Facilitates resolving of links from external discovery systems e.g. Google Scholar to library resources.Databases A-ZData updates to library catalogue (Summon) and supply Marc records.Contains public clauses to database vendor licenses.</t>
  </si>
  <si>
    <t>IAR-000025</t>
  </si>
  <si>
    <t>Interlibrary loans records.   Has interface for postgrads and staff to place requests and admin interface</t>
  </si>
  <si>
    <t>IAR-000024</t>
  </si>
  <si>
    <t>Library resources in a range of formats e.g. audio, video</t>
  </si>
  <si>
    <t>Online Learning and Teaching Material</t>
  </si>
  <si>
    <t>IAR-000023</t>
  </si>
  <si>
    <t>The core learning and teaching resources for the university. It incorporates numerous modules developed by EPS</t>
  </si>
  <si>
    <t>Video Learning and Teaching Material</t>
  </si>
  <si>
    <t>IAR-000022</t>
  </si>
  <si>
    <t>Lectures captured for future re-use</t>
  </si>
  <si>
    <t xml:space="preserve">Internet Accounting </t>
  </si>
  <si>
    <t>IAR-000021</t>
  </si>
  <si>
    <t>Data related to University internet access and the collection of audit and billing information/logs.</t>
  </si>
  <si>
    <t>Security Incident Management System</t>
  </si>
  <si>
    <t>IAR-000020</t>
  </si>
  <si>
    <t>Security guards use the incident management system during their daily duties (e.g. receiving work / alerts / entering data / etc). Non-security staff, such as staff, students or the public can log incident through a publicly available form. The security management team can access manage and assign work through the system.</t>
  </si>
  <si>
    <t>Identity Management Information for Griffith users</t>
  </si>
  <si>
    <t>IAR-000019</t>
  </si>
  <si>
    <t>Allows end users the ability change their own password and allows for assisted password resets and admin resets.</t>
  </si>
  <si>
    <t>Metadirectory databases</t>
  </si>
  <si>
    <t>IAR-000018</t>
  </si>
  <si>
    <t>Allows for data to flow between one or more directory services and databases. Consist of edit technologies and oracle databases.</t>
  </si>
  <si>
    <t>Access Lists</t>
  </si>
  <si>
    <t>IAR-000017</t>
  </si>
  <si>
    <t>Enables staff to construct and manage access lists for email and applications.</t>
  </si>
  <si>
    <t>Talend Open Studio data processes</t>
  </si>
  <si>
    <t>IAR-000016</t>
  </si>
  <si>
    <t>Via ETL create users and group data and is batch driven.</t>
  </si>
  <si>
    <t>MicroFocus IdM data processes</t>
  </si>
  <si>
    <t>IAR-000015</t>
  </si>
  <si>
    <t>Rules/policy driven tool that manages the type of users and their access rights - event driven.</t>
  </si>
  <si>
    <t>Personnel Recruitment Management</t>
  </si>
  <si>
    <t>IAR-000014</t>
  </si>
  <si>
    <t>Information related to Online Recruitment which performs the following functions: - Academic performance review process - Academic probation process - Academic studies program - On boarding</t>
  </si>
  <si>
    <t>Financial Expense Information</t>
  </si>
  <si>
    <t>IAR-000013</t>
  </si>
  <si>
    <t>Records relating to credit card acquittal and expenses (via the Concur reimbursement system).</t>
  </si>
  <si>
    <t>PayPal Payment information</t>
  </si>
  <si>
    <t>IAR-000012</t>
  </si>
  <si>
    <t>Information regarding payments via the PayPal Application (including processing, approving, recording and reconciling payments).</t>
  </si>
  <si>
    <t>Banking records</t>
  </si>
  <si>
    <t>IAR-000011</t>
  </si>
  <si>
    <t>Records related to requesting and approval of all Direct Debit, EFT payments and foreign drafts;  bank statements;  credit card charges and Bpay receipts, via CBA software.</t>
  </si>
  <si>
    <t>Credit Card Expenses</t>
  </si>
  <si>
    <t>IAR-000010</t>
  </si>
  <si>
    <t>Records relating credit card expenses  (including travel and travel card acquittals).</t>
  </si>
  <si>
    <t>Broadcast Emails</t>
  </si>
  <si>
    <t>IAR-000009</t>
  </si>
  <si>
    <t>Contains broadcast email messages sent to the University community, by authorised users.</t>
  </si>
  <si>
    <t>Student Messaging and Collaboration</t>
  </si>
  <si>
    <t>IAR-000008</t>
  </si>
  <si>
    <t>Records relating to the management of contained within emails, calendars, instant messages and GSuite Apps for Griffith students and alumni.</t>
  </si>
  <si>
    <t>Staff Messaging and Collaboration</t>
  </si>
  <si>
    <t>IAR-000007</t>
  </si>
  <si>
    <t>Records relating to the management of emails, calendars and instant messages for all personnel, including staff and contractors.</t>
  </si>
  <si>
    <t>Donor, Donation, and Prospect  Customer Relationship Management</t>
  </si>
  <si>
    <t>IAR-000006</t>
  </si>
  <si>
    <t>Records relating to the management of donors</t>
  </si>
  <si>
    <t>Alumni Customer Relationship Management</t>
  </si>
  <si>
    <t>IAR-000005</t>
  </si>
  <si>
    <t>Records relating to the management of Griffith Alumni</t>
  </si>
  <si>
    <t>Current and Prospective Student Communications</t>
  </si>
  <si>
    <t>IAR-000004</t>
  </si>
  <si>
    <t>Information related to prospective and current student management, and staff help. Functions: - Incident Management - Campaigns - Knowledge Management</t>
  </si>
  <si>
    <t>Course Profiles</t>
  </si>
  <si>
    <t>IAR-000003</t>
  </si>
  <si>
    <t>Course Profiles retrieved from information in PeopleSoft, which are then published to Programs and Courses website</t>
  </si>
  <si>
    <t>Security Access Control System</t>
  </si>
  <si>
    <t>IAR-000002</t>
  </si>
  <si>
    <t>Records relating to management of the electronic door system with security access cards configured to enable access to one or more areas. This will also include data used for the implementation of Bluetooth Low Energy authentication.</t>
  </si>
  <si>
    <t xml:space="preserve">Office Facilities Maintenance System </t>
  </si>
  <si>
    <t>IAR-000001</t>
  </si>
  <si>
    <t>Records related to the reporting and management of resolution of faults with University facilities and report faults to contractors where buildings are under warrant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x14ac:knownFonts="1">
    <font>
      <sz val="11"/>
      <color theme="1"/>
      <name val="Calibri"/>
      <family val="2"/>
      <scheme val="minor"/>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57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 fillId="32" borderId="0" applyNumberFormat="0" applyBorder="0" applyAlignment="0" applyProtection="0"/>
  </cellStyleXfs>
  <cellXfs count="4">
    <xf numFmtId="0" fontId="0" fillId="0" borderId="0" xfId="0"/>
    <xf numFmtId="0" fontId="0" fillId="0" borderId="0" xfId="0" applyAlignment="1">
      <alignment wrapText="1"/>
    </xf>
    <xf numFmtId="49" fontId="0" fillId="0" borderId="0" xfId="0" applyNumberFormat="1" applyAlignment="1">
      <alignment wrapText="1"/>
    </xf>
    <xf numFmtId="14" fontId="0" fillId="0" borderId="0" xfId="0" applyNumberFormat="1" applyAlignment="1">
      <alignment wrapText="1"/>
    </xf>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6">
    <dxf>
      <alignment horizontal="general" vertical="bottom" textRotation="0" wrapText="1" indent="0" justifyLastLine="0" shrinkToFit="0" readingOrder="0"/>
    </dxf>
    <dxf>
      <alignment horizontal="general" vertical="bottom" textRotation="0" wrapText="1" indent="0" justifyLastLine="0" shrinkToFit="0" readingOrder="0"/>
    </dxf>
    <dxf>
      <numFmt numFmtId="19" formatCode="d/mm/yyyy"/>
      <alignment horizontal="general" vertical="bottom" textRotation="0" wrapText="1" indent="0" justifyLastLine="0" shrinkToFit="0" readingOrder="0"/>
    </dxf>
    <dxf>
      <alignment horizontal="general" vertical="bottom" textRotation="0" wrapText="1" indent="0" justifyLastLine="0" shrinkToFit="0" readingOrder="0"/>
    </dxf>
    <dxf>
      <numFmt numFmtId="30" formatCode="@"/>
      <alignment horizontal="general" vertical="bottom" textRotation="0" wrapText="1" indent="0" justifyLastLine="0" shrinkToFit="0" readingOrder="0"/>
    </dxf>
    <dxf>
      <numFmt numFmtId="30" formatCode="@"/>
      <alignment horizontal="general" vertical="bottom" textRotation="0" wrapText="1" indent="0" justifyLastLine="0" shrinkToFit="0" readingOrder="0"/>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connections" Target="connection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queryTables/queryTable1.xml><?xml version="1.0" encoding="utf-8"?>
<queryTable xmlns="http://schemas.openxmlformats.org/spreadsheetml/2006/main" name="query (1)" backgroundRefresh="0" connectionId="1" autoFormatId="16" applyNumberFormats="0" applyBorderFormats="0" applyFontFormats="0" applyPatternFormats="0" applyAlignmentFormats="0" applyWidthHeightFormats="0">
  <queryTableRefresh nextId="30">
    <queryTableFields count="4">
      <queryTableField id="2" name="AssetIdentifier" tableColumnId="1"/>
      <queryTableField id="1" name="Name" tableColumnId="2"/>
      <queryTableField id="3" name="Description" tableColumnId="13"/>
      <queryTableField id="19" name="Date from" tableColumnId="24"/>
    </queryTableFields>
    <queryTableDeletedFields count="25">
      <deletedField name="Data Platforms"/>
      <deletedField name="Information domain"/>
      <deletedField name="InformationSub-Domain"/>
      <deletedField name="BusinessValue"/>
      <deletedField name="Custodian"/>
      <deletedField name="Owner"/>
      <deletedField name="DataClassification"/>
      <deletedField name="BCS activity"/>
      <deletedField name="BCS function"/>
      <deletedField name="Notes"/>
      <deletedField name="Keywords"/>
      <deletedField name="IntendedAudience"/>
      <deletedField name="Access constraints"/>
      <deletedField name="Migration requirements"/>
      <deletedField name="Inactive"/>
      <deletedField name="System integration points"/>
      <deletedField name="AssetType"/>
      <deletedField name="BusinessUnit"/>
      <deletedField name="Content types"/>
      <deletedField name="Risk assessment"/>
      <deletedField name="Requested by"/>
      <deletedField name="Review Date"/>
      <deletedField name="Comments"/>
      <deletedField name="Item Type"/>
      <deletedField name="Path"/>
    </queryTableDeletedFields>
  </queryTableRefresh>
</queryTable>
</file>

<file path=xl/tables/_rels/table1.xml.rels><?xml version="1.0" encoding="UTF-8" standalone="yes"?>
<Relationships xmlns="http://schemas.openxmlformats.org/package/2006/relationships"><Relationship Id="rId1" Type="http://schemas.openxmlformats.org/officeDocument/2006/relationships/queryTable" Target="../queryTables/queryTable1.xml"/></Relationships>
</file>

<file path=xl/tables/table1.xml><?xml version="1.0" encoding="utf-8"?>
<table xmlns="http://schemas.openxmlformats.org/spreadsheetml/2006/main" id="1" name="Table_query__1" displayName="Table_query__1" ref="A1:D303" tableType="queryTable" totalsRowShown="0" headerRowDxfId="1" dataDxfId="0">
  <autoFilter ref="A1:D303"/>
  <tableColumns count="4">
    <tableColumn id="1" uniqueName="Asset_x005f_x0020_identifier" name="AssetIdentifier" queryTableFieldId="2" dataDxfId="5"/>
    <tableColumn id="2" uniqueName="Title" name="Name" queryTableFieldId="1" dataDxfId="4"/>
    <tableColumn id="13" uniqueName="Description1" name="Description" queryTableFieldId="3" dataDxfId="3"/>
    <tableColumn id="24" uniqueName="Date_x005f_x0020_from" name="Date from" queryTableFieldId="19" dataDxfId="2"/>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table" Target="../tables/table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303"/>
  <sheetViews>
    <sheetView tabSelected="1" workbookViewId="0">
      <selection activeCell="K6" sqref="K6"/>
    </sheetView>
  </sheetViews>
  <sheetFormatPr defaultRowHeight="14.4" x14ac:dyDescent="0.3"/>
  <cols>
    <col min="1" max="1" width="16.21875" style="1" bestFit="1" customWidth="1"/>
    <col min="2" max="2" width="66.109375" style="1" bestFit="1" customWidth="1"/>
    <col min="3" max="3" width="80.88671875" style="1" bestFit="1" customWidth="1"/>
    <col min="4" max="4" width="11.77734375" style="1" bestFit="1" customWidth="1"/>
    <col min="5" max="16384" width="8.88671875" style="1"/>
  </cols>
  <sheetData>
    <row r="1" spans="1:4" x14ac:dyDescent="0.3">
      <c r="A1" s="1" t="s">
        <v>1</v>
      </c>
      <c r="B1" s="1" t="s">
        <v>0</v>
      </c>
      <c r="C1" s="1" t="s">
        <v>2</v>
      </c>
      <c r="D1" s="1" t="s">
        <v>3</v>
      </c>
    </row>
    <row r="2" spans="1:4" x14ac:dyDescent="0.3">
      <c r="A2" s="2" t="s">
        <v>5</v>
      </c>
      <c r="B2" s="2" t="s">
        <v>4</v>
      </c>
      <c r="C2" s="1" t="s">
        <v>6</v>
      </c>
      <c r="D2" s="3"/>
    </row>
    <row r="3" spans="1:4" ht="43.2" x14ac:dyDescent="0.3">
      <c r="A3" s="2" t="s">
        <v>8</v>
      </c>
      <c r="B3" s="2" t="s">
        <v>7</v>
      </c>
      <c r="C3" s="1" t="s">
        <v>9</v>
      </c>
      <c r="D3" s="3">
        <v>45187</v>
      </c>
    </row>
    <row r="4" spans="1:4" x14ac:dyDescent="0.3">
      <c r="A4" s="2" t="s">
        <v>12</v>
      </c>
      <c r="B4" s="2" t="s">
        <v>11</v>
      </c>
      <c r="C4" s="1" t="s">
        <v>13</v>
      </c>
      <c r="D4" s="3">
        <v>43466</v>
      </c>
    </row>
    <row r="5" spans="1:4" ht="28.8" x14ac:dyDescent="0.3">
      <c r="A5" s="2" t="s">
        <v>15</v>
      </c>
      <c r="B5" s="2" t="s">
        <v>14</v>
      </c>
      <c r="C5" s="1" t="s">
        <v>16</v>
      </c>
      <c r="D5" s="3">
        <v>45131</v>
      </c>
    </row>
    <row r="6" spans="1:4" x14ac:dyDescent="0.3">
      <c r="A6" s="2" t="s">
        <v>18</v>
      </c>
      <c r="B6" s="2" t="s">
        <v>17</v>
      </c>
      <c r="C6" s="1" t="s">
        <v>19</v>
      </c>
      <c r="D6" s="3">
        <v>42005</v>
      </c>
    </row>
    <row r="7" spans="1:4" ht="28.8" x14ac:dyDescent="0.3">
      <c r="A7" s="2" t="s">
        <v>21</v>
      </c>
      <c r="B7" s="2" t="s">
        <v>20</v>
      </c>
      <c r="C7" s="1" t="s">
        <v>22</v>
      </c>
      <c r="D7" s="3">
        <v>44569</v>
      </c>
    </row>
    <row r="8" spans="1:4" ht="43.2" x14ac:dyDescent="0.3">
      <c r="A8" s="2" t="s">
        <v>24</v>
      </c>
      <c r="B8" s="2" t="s">
        <v>23</v>
      </c>
      <c r="C8" s="1" t="s">
        <v>25</v>
      </c>
      <c r="D8" s="3"/>
    </row>
    <row r="9" spans="1:4" ht="28.8" x14ac:dyDescent="0.3">
      <c r="A9" s="2" t="s">
        <v>27</v>
      </c>
      <c r="B9" s="2" t="s">
        <v>26</v>
      </c>
      <c r="C9" s="1" t="s">
        <v>28</v>
      </c>
      <c r="D9" s="3"/>
    </row>
    <row r="10" spans="1:4" x14ac:dyDescent="0.3">
      <c r="A10" s="2" t="s">
        <v>30</v>
      </c>
      <c r="B10" s="2" t="s">
        <v>29</v>
      </c>
      <c r="C10" s="1" t="s">
        <v>31</v>
      </c>
      <c r="D10" s="3">
        <v>43798</v>
      </c>
    </row>
    <row r="11" spans="1:4" ht="43.2" x14ac:dyDescent="0.3">
      <c r="A11" s="2" t="s">
        <v>33</v>
      </c>
      <c r="B11" s="2" t="s">
        <v>32</v>
      </c>
      <c r="C11" s="1" t="s">
        <v>34</v>
      </c>
      <c r="D11" s="3">
        <v>42059</v>
      </c>
    </row>
    <row r="12" spans="1:4" ht="28.8" x14ac:dyDescent="0.3">
      <c r="A12" s="2" t="s">
        <v>36</v>
      </c>
      <c r="B12" s="2" t="s">
        <v>35</v>
      </c>
      <c r="C12" s="1" t="s">
        <v>37</v>
      </c>
      <c r="D12" s="3">
        <v>44866</v>
      </c>
    </row>
    <row r="13" spans="1:4" ht="57.6" x14ac:dyDescent="0.3">
      <c r="A13" s="2" t="s">
        <v>39</v>
      </c>
      <c r="B13" s="2" t="s">
        <v>38</v>
      </c>
      <c r="C13" s="1" t="s">
        <v>40</v>
      </c>
      <c r="D13" s="3">
        <v>43831</v>
      </c>
    </row>
    <row r="14" spans="1:4" ht="28.8" x14ac:dyDescent="0.3">
      <c r="A14" s="2" t="s">
        <v>42</v>
      </c>
      <c r="B14" s="2" t="s">
        <v>41</v>
      </c>
      <c r="C14" s="1" t="s">
        <v>43</v>
      </c>
      <c r="D14" s="3">
        <v>42005</v>
      </c>
    </row>
    <row r="15" spans="1:4" ht="28.8" x14ac:dyDescent="0.3">
      <c r="A15" s="2" t="s">
        <v>45</v>
      </c>
      <c r="B15" s="2" t="s">
        <v>44</v>
      </c>
      <c r="C15" s="1" t="s">
        <v>46</v>
      </c>
      <c r="D15" s="3"/>
    </row>
    <row r="16" spans="1:4" ht="28.8" x14ac:dyDescent="0.3">
      <c r="A16" s="2" t="s">
        <v>48</v>
      </c>
      <c r="B16" s="2" t="s">
        <v>47</v>
      </c>
      <c r="C16" s="1" t="s">
        <v>49</v>
      </c>
      <c r="D16" s="3">
        <v>43101</v>
      </c>
    </row>
    <row r="17" spans="1:4" x14ac:dyDescent="0.3">
      <c r="A17" s="2" t="s">
        <v>51</v>
      </c>
      <c r="B17" s="2" t="s">
        <v>50</v>
      </c>
      <c r="C17" s="1" t="s">
        <v>52</v>
      </c>
      <c r="D17" s="3">
        <v>43709</v>
      </c>
    </row>
    <row r="18" spans="1:4" ht="28.8" x14ac:dyDescent="0.3">
      <c r="A18" s="2" t="s">
        <v>54</v>
      </c>
      <c r="B18" s="2" t="s">
        <v>53</v>
      </c>
      <c r="C18" s="1" t="s">
        <v>55</v>
      </c>
      <c r="D18" s="3">
        <v>43770</v>
      </c>
    </row>
    <row r="19" spans="1:4" ht="28.8" x14ac:dyDescent="0.3">
      <c r="A19" s="2" t="s">
        <v>57</v>
      </c>
      <c r="B19" s="2" t="s">
        <v>56</v>
      </c>
      <c r="C19" s="1" t="s">
        <v>58</v>
      </c>
      <c r="D19" s="3"/>
    </row>
    <row r="20" spans="1:4" x14ac:dyDescent="0.3">
      <c r="A20" s="2" t="s">
        <v>60</v>
      </c>
      <c r="B20" s="2" t="s">
        <v>59</v>
      </c>
      <c r="C20" s="1" t="s">
        <v>61</v>
      </c>
      <c r="D20" s="3">
        <v>43836</v>
      </c>
    </row>
    <row r="21" spans="1:4" ht="28.8" x14ac:dyDescent="0.3">
      <c r="A21" s="2" t="s">
        <v>63</v>
      </c>
      <c r="B21" s="2" t="s">
        <v>62</v>
      </c>
      <c r="C21" s="1" t="s">
        <v>64</v>
      </c>
      <c r="D21" s="3"/>
    </row>
    <row r="22" spans="1:4" ht="28.8" x14ac:dyDescent="0.3">
      <c r="A22" s="2" t="s">
        <v>66</v>
      </c>
      <c r="B22" s="2" t="s">
        <v>65</v>
      </c>
      <c r="C22" s="1" t="s">
        <v>67</v>
      </c>
      <c r="D22" s="3">
        <v>44216</v>
      </c>
    </row>
    <row r="23" spans="1:4" ht="43.2" x14ac:dyDescent="0.3">
      <c r="A23" s="2" t="s">
        <v>69</v>
      </c>
      <c r="B23" s="2" t="s">
        <v>68</v>
      </c>
      <c r="C23" s="1" t="s">
        <v>70</v>
      </c>
      <c r="D23" s="3">
        <v>41944</v>
      </c>
    </row>
    <row r="24" spans="1:4" ht="28.8" x14ac:dyDescent="0.3">
      <c r="A24" s="2" t="s">
        <v>72</v>
      </c>
      <c r="B24" s="2" t="s">
        <v>71</v>
      </c>
      <c r="C24" s="1" t="s">
        <v>73</v>
      </c>
      <c r="D24" s="3">
        <v>44133</v>
      </c>
    </row>
    <row r="25" spans="1:4" x14ac:dyDescent="0.3">
      <c r="A25" s="2" t="s">
        <v>75</v>
      </c>
      <c r="B25" s="2" t="s">
        <v>74</v>
      </c>
      <c r="C25" s="1" t="s">
        <v>76</v>
      </c>
      <c r="D25" s="3">
        <v>43891</v>
      </c>
    </row>
    <row r="26" spans="1:4" x14ac:dyDescent="0.3">
      <c r="A26" s="2" t="s">
        <v>78</v>
      </c>
      <c r="B26" s="2" t="s">
        <v>77</v>
      </c>
      <c r="C26" s="1" t="s">
        <v>79</v>
      </c>
      <c r="D26" s="3"/>
    </row>
    <row r="27" spans="1:4" ht="28.8" x14ac:dyDescent="0.3">
      <c r="A27" s="2" t="s">
        <v>81</v>
      </c>
      <c r="B27" s="2" t="s">
        <v>80</v>
      </c>
      <c r="C27" s="1" t="s">
        <v>82</v>
      </c>
      <c r="D27" s="3">
        <v>43952</v>
      </c>
    </row>
    <row r="28" spans="1:4" ht="43.2" x14ac:dyDescent="0.3">
      <c r="A28" s="2" t="s">
        <v>84</v>
      </c>
      <c r="B28" s="2" t="s">
        <v>83</v>
      </c>
      <c r="C28" s="1" t="s">
        <v>85</v>
      </c>
      <c r="D28" s="3">
        <v>40527</v>
      </c>
    </row>
    <row r="29" spans="1:4" ht="28.8" x14ac:dyDescent="0.3">
      <c r="A29" s="2" t="s">
        <v>87</v>
      </c>
      <c r="B29" s="2" t="s">
        <v>86</v>
      </c>
      <c r="C29" s="1" t="s">
        <v>88</v>
      </c>
      <c r="D29" s="3">
        <v>43968</v>
      </c>
    </row>
    <row r="30" spans="1:4" ht="28.8" x14ac:dyDescent="0.3">
      <c r="A30" s="2" t="s">
        <v>90</v>
      </c>
      <c r="B30" s="2" t="s">
        <v>89</v>
      </c>
      <c r="C30" s="1" t="s">
        <v>91</v>
      </c>
      <c r="D30" s="3">
        <v>43959</v>
      </c>
    </row>
    <row r="31" spans="1:4" ht="28.8" x14ac:dyDescent="0.3">
      <c r="A31" s="2" t="s">
        <v>93</v>
      </c>
      <c r="B31" s="2" t="s">
        <v>92</v>
      </c>
      <c r="C31" s="1" t="s">
        <v>94</v>
      </c>
      <c r="D31" s="3">
        <v>43938</v>
      </c>
    </row>
    <row r="32" spans="1:4" ht="28.8" x14ac:dyDescent="0.3">
      <c r="A32" s="2" t="s">
        <v>96</v>
      </c>
      <c r="B32" s="2" t="s">
        <v>95</v>
      </c>
      <c r="C32" s="1" t="s">
        <v>97</v>
      </c>
      <c r="D32" s="3">
        <v>43922</v>
      </c>
    </row>
    <row r="33" spans="1:4" x14ac:dyDescent="0.3">
      <c r="A33" s="2" t="s">
        <v>99</v>
      </c>
      <c r="B33" s="2" t="s">
        <v>98</v>
      </c>
      <c r="C33" s="1" t="s">
        <v>100</v>
      </c>
      <c r="D33" s="3">
        <v>27395</v>
      </c>
    </row>
    <row r="34" spans="1:4" ht="43.2" x14ac:dyDescent="0.3">
      <c r="A34" s="2" t="s">
        <v>102</v>
      </c>
      <c r="B34" s="2" t="s">
        <v>101</v>
      </c>
      <c r="C34" s="1" t="s">
        <v>103</v>
      </c>
      <c r="D34" s="3">
        <v>43617</v>
      </c>
    </row>
    <row r="35" spans="1:4" ht="28.8" x14ac:dyDescent="0.3">
      <c r="A35" s="2" t="s">
        <v>105</v>
      </c>
      <c r="B35" s="2" t="s">
        <v>104</v>
      </c>
      <c r="C35" s="1" t="s">
        <v>106</v>
      </c>
      <c r="D35" s="3">
        <v>27395</v>
      </c>
    </row>
    <row r="36" spans="1:4" ht="28.8" x14ac:dyDescent="0.3">
      <c r="A36" s="2" t="s">
        <v>108</v>
      </c>
      <c r="B36" s="2" t="s">
        <v>107</v>
      </c>
      <c r="C36" s="1" t="s">
        <v>109</v>
      </c>
      <c r="D36" s="3">
        <v>27395</v>
      </c>
    </row>
    <row r="37" spans="1:4" ht="28.8" x14ac:dyDescent="0.3">
      <c r="A37" s="2" t="s">
        <v>111</v>
      </c>
      <c r="B37" s="2" t="s">
        <v>110</v>
      </c>
      <c r="C37" s="1" t="s">
        <v>112</v>
      </c>
      <c r="D37" s="3">
        <v>27395</v>
      </c>
    </row>
    <row r="38" spans="1:4" ht="28.8" x14ac:dyDescent="0.3">
      <c r="A38" s="2" t="s">
        <v>114</v>
      </c>
      <c r="B38" s="2" t="s">
        <v>113</v>
      </c>
      <c r="C38" s="1" t="s">
        <v>115</v>
      </c>
      <c r="D38" s="3">
        <v>27395</v>
      </c>
    </row>
    <row r="39" spans="1:4" ht="28.8" x14ac:dyDescent="0.3">
      <c r="A39" s="2" t="s">
        <v>117</v>
      </c>
      <c r="B39" s="2" t="s">
        <v>116</v>
      </c>
      <c r="C39" s="1" t="s">
        <v>118</v>
      </c>
      <c r="D39" s="3">
        <v>27395</v>
      </c>
    </row>
    <row r="40" spans="1:4" ht="28.8" x14ac:dyDescent="0.3">
      <c r="A40" s="2" t="s">
        <v>120</v>
      </c>
      <c r="B40" s="2" t="s">
        <v>119</v>
      </c>
      <c r="C40" s="1" t="s">
        <v>121</v>
      </c>
      <c r="D40" s="3">
        <v>27395</v>
      </c>
    </row>
    <row r="41" spans="1:4" x14ac:dyDescent="0.3">
      <c r="A41" s="2" t="s">
        <v>123</v>
      </c>
      <c r="B41" s="2" t="s">
        <v>122</v>
      </c>
      <c r="C41" s="1" t="s">
        <v>124</v>
      </c>
      <c r="D41" s="3"/>
    </row>
    <row r="42" spans="1:4" ht="28.8" x14ac:dyDescent="0.3">
      <c r="A42" s="2" t="s">
        <v>126</v>
      </c>
      <c r="B42" s="2" t="s">
        <v>125</v>
      </c>
      <c r="C42" s="1" t="s">
        <v>127</v>
      </c>
      <c r="D42" s="3"/>
    </row>
    <row r="43" spans="1:4" ht="28.8" x14ac:dyDescent="0.3">
      <c r="A43" s="2" t="s">
        <v>129</v>
      </c>
      <c r="B43" s="2" t="s">
        <v>128</v>
      </c>
      <c r="C43" s="1" t="s">
        <v>130</v>
      </c>
      <c r="D43" s="3">
        <v>25569</v>
      </c>
    </row>
    <row r="44" spans="1:4" ht="28.8" x14ac:dyDescent="0.3">
      <c r="A44" s="2" t="s">
        <v>132</v>
      </c>
      <c r="B44" s="2" t="s">
        <v>131</v>
      </c>
      <c r="C44" s="1" t="s">
        <v>133</v>
      </c>
      <c r="D44" s="3"/>
    </row>
    <row r="45" spans="1:4" ht="28.8" x14ac:dyDescent="0.3">
      <c r="A45" s="2" t="s">
        <v>135</v>
      </c>
      <c r="B45" s="2" t="s">
        <v>134</v>
      </c>
      <c r="C45" s="1" t="s">
        <v>136</v>
      </c>
      <c r="D45" s="3">
        <v>27395</v>
      </c>
    </row>
    <row r="46" spans="1:4" ht="43.2" x14ac:dyDescent="0.3">
      <c r="A46" s="2" t="s">
        <v>138</v>
      </c>
      <c r="B46" s="2" t="s">
        <v>137</v>
      </c>
      <c r="C46" s="1" t="s">
        <v>139</v>
      </c>
      <c r="D46" s="3">
        <v>25934</v>
      </c>
    </row>
    <row r="47" spans="1:4" ht="28.8" x14ac:dyDescent="0.3">
      <c r="A47" s="2" t="s">
        <v>141</v>
      </c>
      <c r="B47" s="2" t="s">
        <v>140</v>
      </c>
      <c r="C47" s="1" t="s">
        <v>142</v>
      </c>
      <c r="D47" s="3">
        <v>27395</v>
      </c>
    </row>
    <row r="48" spans="1:4" ht="43.2" x14ac:dyDescent="0.3">
      <c r="A48" s="2" t="s">
        <v>144</v>
      </c>
      <c r="B48" s="2" t="s">
        <v>143</v>
      </c>
      <c r="C48" s="1" t="s">
        <v>145</v>
      </c>
      <c r="D48" s="3">
        <v>27395</v>
      </c>
    </row>
    <row r="49" spans="1:4" ht="72" x14ac:dyDescent="0.3">
      <c r="A49" s="2" t="s">
        <v>147</v>
      </c>
      <c r="B49" s="2" t="s">
        <v>146</v>
      </c>
      <c r="C49" s="1" t="s">
        <v>148</v>
      </c>
      <c r="D49" s="3">
        <v>43690</v>
      </c>
    </row>
    <row r="50" spans="1:4" x14ac:dyDescent="0.3">
      <c r="A50" s="2" t="s">
        <v>150</v>
      </c>
      <c r="B50" s="2" t="s">
        <v>149</v>
      </c>
      <c r="C50" s="1" t="s">
        <v>151</v>
      </c>
      <c r="D50" s="3"/>
    </row>
    <row r="51" spans="1:4" ht="28.8" x14ac:dyDescent="0.3">
      <c r="A51" s="2" t="s">
        <v>153</v>
      </c>
      <c r="B51" s="2" t="s">
        <v>152</v>
      </c>
      <c r="C51" s="1" t="s">
        <v>154</v>
      </c>
      <c r="D51" s="3">
        <v>43662</v>
      </c>
    </row>
    <row r="52" spans="1:4" x14ac:dyDescent="0.3">
      <c r="A52" s="2" t="s">
        <v>156</v>
      </c>
      <c r="B52" s="2" t="s">
        <v>155</v>
      </c>
      <c r="C52" s="1" t="s">
        <v>157</v>
      </c>
      <c r="D52" s="3">
        <v>43634</v>
      </c>
    </row>
    <row r="53" spans="1:4" ht="28.8" x14ac:dyDescent="0.3">
      <c r="A53" s="2" t="s">
        <v>159</v>
      </c>
      <c r="B53" s="2" t="s">
        <v>158</v>
      </c>
      <c r="C53" s="1" t="s">
        <v>160</v>
      </c>
      <c r="D53" s="3">
        <v>43396</v>
      </c>
    </row>
    <row r="54" spans="1:4" ht="28.8" x14ac:dyDescent="0.3">
      <c r="A54" s="2" t="s">
        <v>162</v>
      </c>
      <c r="B54" s="2" t="s">
        <v>161</v>
      </c>
      <c r="C54" s="1" t="s">
        <v>163</v>
      </c>
      <c r="D54" s="3">
        <v>43408</v>
      </c>
    </row>
    <row r="55" spans="1:4" ht="28.8" x14ac:dyDescent="0.3">
      <c r="A55" s="2" t="s">
        <v>165</v>
      </c>
      <c r="B55" s="2" t="s">
        <v>164</v>
      </c>
      <c r="C55" s="1" t="s">
        <v>166</v>
      </c>
      <c r="D55" s="3">
        <v>43360</v>
      </c>
    </row>
    <row r="56" spans="1:4" x14ac:dyDescent="0.3">
      <c r="A56" s="2" t="s">
        <v>168</v>
      </c>
      <c r="B56" s="2" t="s">
        <v>167</v>
      </c>
      <c r="C56" s="1" t="s">
        <v>169</v>
      </c>
      <c r="D56" s="3">
        <v>43354</v>
      </c>
    </row>
    <row r="57" spans="1:4" ht="43.2" x14ac:dyDescent="0.3">
      <c r="A57" s="2" t="s">
        <v>171</v>
      </c>
      <c r="B57" s="2" t="s">
        <v>170</v>
      </c>
      <c r="C57" s="1" t="s">
        <v>172</v>
      </c>
      <c r="D57" s="3">
        <v>43348</v>
      </c>
    </row>
    <row r="58" spans="1:4" ht="28.8" x14ac:dyDescent="0.3">
      <c r="A58" s="2" t="s">
        <v>174</v>
      </c>
      <c r="B58" s="2" t="s">
        <v>173</v>
      </c>
      <c r="C58" s="1" t="s">
        <v>175</v>
      </c>
      <c r="D58" s="3"/>
    </row>
    <row r="59" spans="1:4" ht="28.8" x14ac:dyDescent="0.3">
      <c r="A59" s="2" t="s">
        <v>177</v>
      </c>
      <c r="B59" s="2" t="s">
        <v>176</v>
      </c>
      <c r="C59" s="1" t="s">
        <v>178</v>
      </c>
      <c r="D59" s="3">
        <v>43340</v>
      </c>
    </row>
    <row r="60" spans="1:4" x14ac:dyDescent="0.3">
      <c r="A60" s="2" t="s">
        <v>180</v>
      </c>
      <c r="B60" s="2" t="s">
        <v>179</v>
      </c>
      <c r="C60" s="1" t="s">
        <v>181</v>
      </c>
      <c r="D60" s="3">
        <v>43319</v>
      </c>
    </row>
    <row r="61" spans="1:4" ht="43.2" x14ac:dyDescent="0.3">
      <c r="A61" s="2" t="s">
        <v>183</v>
      </c>
      <c r="B61" s="2" t="s">
        <v>182</v>
      </c>
      <c r="C61" s="1" t="s">
        <v>184</v>
      </c>
      <c r="D61" s="3">
        <v>43314</v>
      </c>
    </row>
    <row r="62" spans="1:4" ht="72" x14ac:dyDescent="0.3">
      <c r="A62" s="2" t="s">
        <v>186</v>
      </c>
      <c r="B62" s="2" t="s">
        <v>185</v>
      </c>
      <c r="C62" s="1" t="s">
        <v>187</v>
      </c>
      <c r="D62" s="3">
        <v>43312</v>
      </c>
    </row>
    <row r="63" spans="1:4" ht="28.8" x14ac:dyDescent="0.3">
      <c r="A63" s="2" t="s">
        <v>189</v>
      </c>
      <c r="B63" s="2" t="s">
        <v>188</v>
      </c>
      <c r="C63" s="1" t="s">
        <v>190</v>
      </c>
      <c r="D63" s="3">
        <v>43312</v>
      </c>
    </row>
    <row r="64" spans="1:4" x14ac:dyDescent="0.3">
      <c r="A64" s="2" t="s">
        <v>192</v>
      </c>
      <c r="B64" s="2" t="s">
        <v>191</v>
      </c>
      <c r="C64" s="1" t="s">
        <v>193</v>
      </c>
      <c r="D64" s="3">
        <v>27395</v>
      </c>
    </row>
    <row r="65" spans="1:4" ht="43.2" x14ac:dyDescent="0.3">
      <c r="A65" s="2" t="s">
        <v>195</v>
      </c>
      <c r="B65" s="2" t="s">
        <v>194</v>
      </c>
      <c r="C65" s="1" t="s">
        <v>196</v>
      </c>
      <c r="D65" s="3">
        <v>43256</v>
      </c>
    </row>
    <row r="66" spans="1:4" ht="28.8" x14ac:dyDescent="0.3">
      <c r="A66" s="2" t="s">
        <v>198</v>
      </c>
      <c r="B66" s="2" t="s">
        <v>197</v>
      </c>
      <c r="C66" s="1" t="s">
        <v>199</v>
      </c>
      <c r="D66" s="3">
        <v>43256</v>
      </c>
    </row>
    <row r="67" spans="1:4" ht="28.8" x14ac:dyDescent="0.3">
      <c r="A67" s="2" t="s">
        <v>201</v>
      </c>
      <c r="B67" s="2" t="s">
        <v>200</v>
      </c>
      <c r="C67" s="1" t="s">
        <v>202</v>
      </c>
      <c r="D67" s="3">
        <v>27395</v>
      </c>
    </row>
    <row r="68" spans="1:4" ht="28.8" x14ac:dyDescent="0.3">
      <c r="A68" s="2" t="s">
        <v>204</v>
      </c>
      <c r="B68" s="2" t="s">
        <v>203</v>
      </c>
      <c r="C68" s="1" t="s">
        <v>205</v>
      </c>
      <c r="D68" s="3">
        <v>41275</v>
      </c>
    </row>
    <row r="69" spans="1:4" ht="28.8" x14ac:dyDescent="0.3">
      <c r="A69" s="2" t="s">
        <v>207</v>
      </c>
      <c r="B69" s="2" t="s">
        <v>206</v>
      </c>
      <c r="C69" s="1" t="s">
        <v>208</v>
      </c>
      <c r="D69" s="3">
        <v>35796</v>
      </c>
    </row>
    <row r="70" spans="1:4" ht="28.8" x14ac:dyDescent="0.3">
      <c r="A70" s="2" t="s">
        <v>210</v>
      </c>
      <c r="B70" s="2" t="s">
        <v>209</v>
      </c>
      <c r="C70" s="1" t="s">
        <v>211</v>
      </c>
      <c r="D70" s="3">
        <v>43123</v>
      </c>
    </row>
    <row r="71" spans="1:4" ht="28.8" x14ac:dyDescent="0.3">
      <c r="A71" s="2" t="s">
        <v>213</v>
      </c>
      <c r="B71" s="2" t="s">
        <v>212</v>
      </c>
      <c r="C71" s="1" t="s">
        <v>214</v>
      </c>
      <c r="D71" s="3">
        <v>43056</v>
      </c>
    </row>
    <row r="72" spans="1:4" x14ac:dyDescent="0.3">
      <c r="A72" s="2" t="s">
        <v>216</v>
      </c>
      <c r="B72" s="2" t="s">
        <v>215</v>
      </c>
      <c r="C72" s="1" t="s">
        <v>217</v>
      </c>
      <c r="D72" s="3">
        <v>42976</v>
      </c>
    </row>
    <row r="73" spans="1:4" ht="28.8" x14ac:dyDescent="0.3">
      <c r="A73" s="2" t="s">
        <v>219</v>
      </c>
      <c r="B73" s="2" t="s">
        <v>218</v>
      </c>
      <c r="C73" s="1" t="s">
        <v>220</v>
      </c>
      <c r="D73" s="3">
        <v>41640</v>
      </c>
    </row>
    <row r="74" spans="1:4" ht="28.8" x14ac:dyDescent="0.3">
      <c r="A74" s="2" t="s">
        <v>222</v>
      </c>
      <c r="B74" s="2" t="s">
        <v>221</v>
      </c>
      <c r="C74" s="1" t="s">
        <v>223</v>
      </c>
      <c r="D74" s="3">
        <v>42447</v>
      </c>
    </row>
    <row r="75" spans="1:4" x14ac:dyDescent="0.3">
      <c r="A75" s="2" t="s">
        <v>225</v>
      </c>
      <c r="B75" s="2" t="s">
        <v>224</v>
      </c>
      <c r="C75" s="1" t="s">
        <v>226</v>
      </c>
      <c r="D75" s="3">
        <v>42508</v>
      </c>
    </row>
    <row r="76" spans="1:4" x14ac:dyDescent="0.3">
      <c r="A76" s="2" t="s">
        <v>228</v>
      </c>
      <c r="B76" s="2" t="s">
        <v>227</v>
      </c>
      <c r="C76" s="1" t="s">
        <v>229</v>
      </c>
      <c r="D76" s="3">
        <v>42531</v>
      </c>
    </row>
    <row r="77" spans="1:4" x14ac:dyDescent="0.3">
      <c r="A77" s="2" t="s">
        <v>231</v>
      </c>
      <c r="B77" s="2" t="s">
        <v>230</v>
      </c>
      <c r="C77" s="1" t="s">
        <v>232</v>
      </c>
      <c r="D77" s="3">
        <v>42558</v>
      </c>
    </row>
    <row r="78" spans="1:4" ht="43.2" x14ac:dyDescent="0.3">
      <c r="A78" s="2" t="s">
        <v>234</v>
      </c>
      <c r="B78" s="2" t="s">
        <v>233</v>
      </c>
      <c r="C78" s="1" t="s">
        <v>235</v>
      </c>
      <c r="D78" s="3">
        <v>42735</v>
      </c>
    </row>
    <row r="79" spans="1:4" x14ac:dyDescent="0.3">
      <c r="A79" s="2" t="s">
        <v>237</v>
      </c>
      <c r="B79" s="2" t="s">
        <v>236</v>
      </c>
      <c r="C79" s="1" t="s">
        <v>238</v>
      </c>
      <c r="D79" s="3">
        <v>42536</v>
      </c>
    </row>
    <row r="80" spans="1:4" ht="28.8" x14ac:dyDescent="0.3">
      <c r="A80" s="2" t="s">
        <v>240</v>
      </c>
      <c r="B80" s="2" t="s">
        <v>239</v>
      </c>
      <c r="C80" s="1" t="s">
        <v>241</v>
      </c>
      <c r="D80" s="3">
        <v>42598</v>
      </c>
    </row>
    <row r="81" spans="1:4" x14ac:dyDescent="0.3">
      <c r="A81" s="2" t="s">
        <v>243</v>
      </c>
      <c r="B81" s="2" t="s">
        <v>242</v>
      </c>
      <c r="C81" s="1" t="s">
        <v>244</v>
      </c>
      <c r="D81" s="3">
        <v>42641</v>
      </c>
    </row>
    <row r="82" spans="1:4" x14ac:dyDescent="0.3">
      <c r="A82" s="2" t="s">
        <v>246</v>
      </c>
      <c r="B82" s="2" t="s">
        <v>245</v>
      </c>
      <c r="C82" s="1" t="s">
        <v>247</v>
      </c>
      <c r="D82" s="3">
        <v>42851</v>
      </c>
    </row>
    <row r="83" spans="1:4" ht="28.8" x14ac:dyDescent="0.3">
      <c r="A83" s="2" t="s">
        <v>249</v>
      </c>
      <c r="B83" s="2" t="s">
        <v>248</v>
      </c>
      <c r="C83" s="1" t="s">
        <v>250</v>
      </c>
      <c r="D83" s="3">
        <v>42870</v>
      </c>
    </row>
    <row r="84" spans="1:4" x14ac:dyDescent="0.3">
      <c r="A84" s="2" t="s">
        <v>252</v>
      </c>
      <c r="B84" s="2" t="s">
        <v>251</v>
      </c>
      <c r="C84" s="1" t="s">
        <v>253</v>
      </c>
      <c r="D84" s="3">
        <v>42598</v>
      </c>
    </row>
    <row r="85" spans="1:4" x14ac:dyDescent="0.3">
      <c r="A85" s="2" t="s">
        <v>255</v>
      </c>
      <c r="B85" s="2" t="s">
        <v>254</v>
      </c>
      <c r="C85" s="1" t="s">
        <v>256</v>
      </c>
      <c r="D85" s="3">
        <v>42690</v>
      </c>
    </row>
    <row r="86" spans="1:4" ht="28.8" x14ac:dyDescent="0.3">
      <c r="A86" s="2" t="s">
        <v>258</v>
      </c>
      <c r="B86" s="2" t="s">
        <v>257</v>
      </c>
      <c r="C86" s="1" t="s">
        <v>259</v>
      </c>
      <c r="D86" s="3">
        <v>42759</v>
      </c>
    </row>
    <row r="87" spans="1:4" ht="28.8" x14ac:dyDescent="0.3">
      <c r="A87" s="2" t="s">
        <v>261</v>
      </c>
      <c r="B87" s="2" t="s">
        <v>260</v>
      </c>
      <c r="C87" s="1" t="s">
        <v>262</v>
      </c>
      <c r="D87" s="3">
        <v>42747</v>
      </c>
    </row>
    <row r="88" spans="1:4" x14ac:dyDescent="0.3">
      <c r="A88" s="2" t="s">
        <v>264</v>
      </c>
      <c r="B88" s="2" t="s">
        <v>263</v>
      </c>
      <c r="C88" s="1" t="s">
        <v>265</v>
      </c>
      <c r="D88" s="3">
        <v>42794</v>
      </c>
    </row>
    <row r="89" spans="1:4" ht="28.8" x14ac:dyDescent="0.3">
      <c r="A89" s="2" t="s">
        <v>267</v>
      </c>
      <c r="B89" s="2" t="s">
        <v>266</v>
      </c>
      <c r="C89" s="1" t="s">
        <v>268</v>
      </c>
      <c r="D89" s="3">
        <v>27395</v>
      </c>
    </row>
    <row r="90" spans="1:4" ht="28.8" x14ac:dyDescent="0.3">
      <c r="A90" s="2" t="s">
        <v>270</v>
      </c>
      <c r="B90" s="2" t="s">
        <v>269</v>
      </c>
      <c r="C90" s="1" t="s">
        <v>271</v>
      </c>
      <c r="D90" s="3"/>
    </row>
    <row r="91" spans="1:4" x14ac:dyDescent="0.3">
      <c r="A91" s="2" t="s">
        <v>273</v>
      </c>
      <c r="B91" s="2" t="s">
        <v>272</v>
      </c>
      <c r="C91" s="1" t="s">
        <v>274</v>
      </c>
      <c r="D91" s="3"/>
    </row>
    <row r="92" spans="1:4" ht="28.8" x14ac:dyDescent="0.3">
      <c r="A92" s="2" t="s">
        <v>276</v>
      </c>
      <c r="B92" s="2" t="s">
        <v>275</v>
      </c>
      <c r="C92" s="1" t="s">
        <v>277</v>
      </c>
      <c r="D92" s="3">
        <v>27395</v>
      </c>
    </row>
    <row r="93" spans="1:4" x14ac:dyDescent="0.3">
      <c r="A93" s="2" t="s">
        <v>279</v>
      </c>
      <c r="B93" s="2" t="s">
        <v>278</v>
      </c>
      <c r="C93" s="1" t="s">
        <v>280</v>
      </c>
      <c r="D93" s="3"/>
    </row>
    <row r="94" spans="1:4" ht="28.8" x14ac:dyDescent="0.3">
      <c r="A94" s="2" t="s">
        <v>282</v>
      </c>
      <c r="B94" s="2" t="s">
        <v>281</v>
      </c>
      <c r="C94" s="1" t="s">
        <v>283</v>
      </c>
      <c r="D94" s="3"/>
    </row>
    <row r="95" spans="1:4" x14ac:dyDescent="0.3">
      <c r="A95" s="2" t="s">
        <v>285</v>
      </c>
      <c r="B95" s="2" t="s">
        <v>284</v>
      </c>
      <c r="C95" s="1" t="s">
        <v>286</v>
      </c>
      <c r="D95" s="3"/>
    </row>
    <row r="96" spans="1:4" x14ac:dyDescent="0.3">
      <c r="A96" s="2" t="s">
        <v>288</v>
      </c>
      <c r="B96" s="2" t="s">
        <v>287</v>
      </c>
      <c r="C96" s="1" t="s">
        <v>289</v>
      </c>
      <c r="D96" s="3">
        <v>42810</v>
      </c>
    </row>
    <row r="97" spans="1:4" ht="28.8" x14ac:dyDescent="0.3">
      <c r="A97" s="2" t="s">
        <v>291</v>
      </c>
      <c r="B97" s="2" t="s">
        <v>290</v>
      </c>
      <c r="C97" s="1" t="s">
        <v>292</v>
      </c>
      <c r="D97" s="3">
        <v>42884</v>
      </c>
    </row>
    <row r="98" spans="1:4" ht="28.8" x14ac:dyDescent="0.3">
      <c r="A98" s="2" t="s">
        <v>294</v>
      </c>
      <c r="B98" s="2" t="s">
        <v>293</v>
      </c>
      <c r="C98" s="1" t="s">
        <v>295</v>
      </c>
      <c r="D98" s="3">
        <v>2013</v>
      </c>
    </row>
    <row r="99" spans="1:4" ht="28.8" x14ac:dyDescent="0.3">
      <c r="A99" s="2" t="s">
        <v>297</v>
      </c>
      <c r="B99" s="2" t="s">
        <v>296</v>
      </c>
      <c r="C99" s="1" t="s">
        <v>298</v>
      </c>
      <c r="D99" s="3"/>
    </row>
    <row r="100" spans="1:4" x14ac:dyDescent="0.3">
      <c r="A100" s="2" t="s">
        <v>300</v>
      </c>
      <c r="B100" s="2" t="s">
        <v>299</v>
      </c>
      <c r="C100" s="1" t="s">
        <v>301</v>
      </c>
      <c r="D100" s="3"/>
    </row>
    <row r="101" spans="1:4" x14ac:dyDescent="0.3">
      <c r="A101" s="2" t="s">
        <v>303</v>
      </c>
      <c r="B101" s="2" t="s">
        <v>302</v>
      </c>
      <c r="C101" s="1" t="s">
        <v>304</v>
      </c>
      <c r="D101" s="3">
        <v>39448</v>
      </c>
    </row>
    <row r="102" spans="1:4" x14ac:dyDescent="0.3">
      <c r="A102" s="2" t="s">
        <v>306</v>
      </c>
      <c r="B102" s="2" t="s">
        <v>305</v>
      </c>
      <c r="C102" s="1" t="s">
        <v>307</v>
      </c>
      <c r="D102" s="3">
        <v>42826</v>
      </c>
    </row>
    <row r="103" spans="1:4" x14ac:dyDescent="0.3">
      <c r="A103" s="2" t="s">
        <v>309</v>
      </c>
      <c r="B103" s="2" t="s">
        <v>308</v>
      </c>
      <c r="C103" s="1" t="s">
        <v>310</v>
      </c>
      <c r="D103" s="3">
        <v>25934</v>
      </c>
    </row>
    <row r="104" spans="1:4" x14ac:dyDescent="0.3">
      <c r="A104" s="2" t="s">
        <v>312</v>
      </c>
      <c r="B104" s="2" t="s">
        <v>311</v>
      </c>
      <c r="C104" s="1" t="s">
        <v>313</v>
      </c>
      <c r="D104" s="3">
        <v>25934</v>
      </c>
    </row>
    <row r="105" spans="1:4" x14ac:dyDescent="0.3">
      <c r="A105" s="2" t="s">
        <v>315</v>
      </c>
      <c r="B105" s="2" t="s">
        <v>314</v>
      </c>
      <c r="C105" s="1" t="s">
        <v>316</v>
      </c>
      <c r="D105" s="3">
        <v>25934</v>
      </c>
    </row>
    <row r="106" spans="1:4" x14ac:dyDescent="0.3">
      <c r="A106" s="2" t="s">
        <v>318</v>
      </c>
      <c r="B106" s="2" t="s">
        <v>317</v>
      </c>
      <c r="C106" s="1" t="s">
        <v>319</v>
      </c>
      <c r="D106" s="3">
        <v>25934</v>
      </c>
    </row>
    <row r="107" spans="1:4" ht="28.8" x14ac:dyDescent="0.3">
      <c r="A107" s="2" t="s">
        <v>321</v>
      </c>
      <c r="B107" s="2" t="s">
        <v>320</v>
      </c>
      <c r="C107" s="1" t="s">
        <v>322</v>
      </c>
      <c r="D107" s="3">
        <v>25934</v>
      </c>
    </row>
    <row r="108" spans="1:4" ht="28.8" x14ac:dyDescent="0.3">
      <c r="A108" s="2" t="s">
        <v>324</v>
      </c>
      <c r="B108" s="2" t="s">
        <v>323</v>
      </c>
      <c r="C108" s="1" t="s">
        <v>325</v>
      </c>
      <c r="D108" s="3">
        <v>25934</v>
      </c>
    </row>
    <row r="109" spans="1:4" x14ac:dyDescent="0.3">
      <c r="A109" s="2" t="s">
        <v>327</v>
      </c>
      <c r="B109" s="2" t="s">
        <v>326</v>
      </c>
      <c r="C109" s="1" t="s">
        <v>328</v>
      </c>
      <c r="D109" s="3">
        <v>36891</v>
      </c>
    </row>
    <row r="110" spans="1:4" x14ac:dyDescent="0.3">
      <c r="A110" s="2" t="s">
        <v>330</v>
      </c>
      <c r="B110" s="2" t="s">
        <v>329</v>
      </c>
      <c r="C110" s="1" t="s">
        <v>331</v>
      </c>
      <c r="D110" s="3">
        <v>40908</v>
      </c>
    </row>
    <row r="111" spans="1:4" ht="28.8" x14ac:dyDescent="0.3">
      <c r="A111" s="2" t="s">
        <v>333</v>
      </c>
      <c r="B111" s="2" t="s">
        <v>332</v>
      </c>
      <c r="C111" s="1" t="s">
        <v>334</v>
      </c>
      <c r="D111" s="3">
        <v>42004</v>
      </c>
    </row>
    <row r="112" spans="1:4" ht="28.8" x14ac:dyDescent="0.3">
      <c r="A112" s="2" t="s">
        <v>336</v>
      </c>
      <c r="B112" s="2" t="s">
        <v>335</v>
      </c>
      <c r="C112" s="1" t="s">
        <v>337</v>
      </c>
      <c r="D112" s="3">
        <v>25934</v>
      </c>
    </row>
    <row r="113" spans="1:4" ht="28.8" x14ac:dyDescent="0.3">
      <c r="A113" s="2" t="s">
        <v>339</v>
      </c>
      <c r="B113" s="2" t="s">
        <v>338</v>
      </c>
      <c r="C113" s="1" t="s">
        <v>340</v>
      </c>
      <c r="D113" s="3">
        <v>25934</v>
      </c>
    </row>
    <row r="114" spans="1:4" ht="28.8" x14ac:dyDescent="0.3">
      <c r="A114" s="2" t="s">
        <v>342</v>
      </c>
      <c r="B114" s="2" t="s">
        <v>341</v>
      </c>
      <c r="C114" s="1" t="s">
        <v>343</v>
      </c>
      <c r="D114" s="3">
        <v>25934</v>
      </c>
    </row>
    <row r="115" spans="1:4" ht="28.8" x14ac:dyDescent="0.3">
      <c r="A115" s="2" t="s">
        <v>345</v>
      </c>
      <c r="B115" s="2" t="s">
        <v>344</v>
      </c>
      <c r="C115" s="1" t="s">
        <v>346</v>
      </c>
      <c r="D115" s="3">
        <v>42004</v>
      </c>
    </row>
    <row r="116" spans="1:4" ht="28.8" x14ac:dyDescent="0.3">
      <c r="A116" s="2" t="s">
        <v>348</v>
      </c>
      <c r="B116" s="2" t="s">
        <v>347</v>
      </c>
      <c r="C116" s="1" t="s">
        <v>349</v>
      </c>
      <c r="D116" s="3">
        <v>41639</v>
      </c>
    </row>
    <row r="117" spans="1:4" ht="28.8" x14ac:dyDescent="0.3">
      <c r="A117" s="2" t="s">
        <v>351</v>
      </c>
      <c r="B117" s="2" t="s">
        <v>350</v>
      </c>
      <c r="C117" s="1" t="s">
        <v>352</v>
      </c>
      <c r="D117" s="3">
        <v>41639</v>
      </c>
    </row>
    <row r="118" spans="1:4" x14ac:dyDescent="0.3">
      <c r="A118" s="2" t="s">
        <v>354</v>
      </c>
      <c r="B118" s="2" t="s">
        <v>353</v>
      </c>
      <c r="C118" s="1" t="s">
        <v>355</v>
      </c>
      <c r="D118" s="3">
        <v>41243</v>
      </c>
    </row>
    <row r="119" spans="1:4" x14ac:dyDescent="0.3">
      <c r="A119" s="2" t="s">
        <v>357</v>
      </c>
      <c r="B119" s="2" t="s">
        <v>356</v>
      </c>
      <c r="C119" s="1" t="s">
        <v>358</v>
      </c>
      <c r="D119" s="3">
        <v>37621</v>
      </c>
    </row>
    <row r="120" spans="1:4" ht="28.8" x14ac:dyDescent="0.3">
      <c r="A120" s="2" t="s">
        <v>360</v>
      </c>
      <c r="B120" s="2" t="s">
        <v>359</v>
      </c>
      <c r="C120" s="1" t="s">
        <v>361</v>
      </c>
      <c r="D120" s="3">
        <v>41639</v>
      </c>
    </row>
    <row r="121" spans="1:4" ht="28.8" x14ac:dyDescent="0.3">
      <c r="A121" s="2" t="s">
        <v>363</v>
      </c>
      <c r="B121" s="2" t="s">
        <v>362</v>
      </c>
      <c r="C121" s="1" t="s">
        <v>364</v>
      </c>
      <c r="D121" s="3">
        <v>41639</v>
      </c>
    </row>
    <row r="122" spans="1:4" x14ac:dyDescent="0.3">
      <c r="A122" s="2" t="s">
        <v>366</v>
      </c>
      <c r="B122" s="2" t="s">
        <v>365</v>
      </c>
      <c r="C122" s="1" t="s">
        <v>367</v>
      </c>
      <c r="D122" s="3">
        <v>41639</v>
      </c>
    </row>
    <row r="123" spans="1:4" x14ac:dyDescent="0.3">
      <c r="A123" s="2" t="s">
        <v>369</v>
      </c>
      <c r="B123" s="2" t="s">
        <v>368</v>
      </c>
      <c r="C123" s="1" t="s">
        <v>370</v>
      </c>
      <c r="D123" s="3">
        <v>25934</v>
      </c>
    </row>
    <row r="124" spans="1:4" x14ac:dyDescent="0.3">
      <c r="A124" s="2" t="s">
        <v>372</v>
      </c>
      <c r="B124" s="2" t="s">
        <v>371</v>
      </c>
      <c r="C124" s="1" t="s">
        <v>373</v>
      </c>
      <c r="D124" s="3">
        <v>25934</v>
      </c>
    </row>
    <row r="125" spans="1:4" ht="43.2" x14ac:dyDescent="0.3">
      <c r="A125" s="2" t="s">
        <v>375</v>
      </c>
      <c r="B125" s="2" t="s">
        <v>374</v>
      </c>
      <c r="C125" s="1" t="s">
        <v>376</v>
      </c>
      <c r="D125" s="3">
        <v>25934</v>
      </c>
    </row>
    <row r="126" spans="1:4" ht="28.8" x14ac:dyDescent="0.3">
      <c r="A126" s="2" t="s">
        <v>378</v>
      </c>
      <c r="B126" s="2" t="s">
        <v>377</v>
      </c>
      <c r="C126" s="1" t="s">
        <v>379</v>
      </c>
      <c r="D126" s="3">
        <v>37621</v>
      </c>
    </row>
    <row r="127" spans="1:4" x14ac:dyDescent="0.3">
      <c r="A127" s="2" t="s">
        <v>381</v>
      </c>
      <c r="B127" s="2" t="s">
        <v>380</v>
      </c>
      <c r="C127" s="1" t="s">
        <v>382</v>
      </c>
      <c r="D127" s="3">
        <v>25934</v>
      </c>
    </row>
    <row r="128" spans="1:4" x14ac:dyDescent="0.3">
      <c r="A128" s="2" t="s">
        <v>384</v>
      </c>
      <c r="B128" s="2" t="s">
        <v>383</v>
      </c>
      <c r="C128" s="1" t="s">
        <v>385</v>
      </c>
      <c r="D128" s="3">
        <v>38717</v>
      </c>
    </row>
    <row r="129" spans="1:4" x14ac:dyDescent="0.3">
      <c r="A129" s="2" t="s">
        <v>387</v>
      </c>
      <c r="B129" s="2" t="s">
        <v>386</v>
      </c>
      <c r="C129" s="1" t="s">
        <v>388</v>
      </c>
      <c r="D129" s="3">
        <v>37986</v>
      </c>
    </row>
    <row r="130" spans="1:4" x14ac:dyDescent="0.3">
      <c r="A130" s="2" t="s">
        <v>390</v>
      </c>
      <c r="B130" s="2" t="s">
        <v>389</v>
      </c>
      <c r="C130" s="1" t="s">
        <v>391</v>
      </c>
      <c r="D130" s="3">
        <v>25934</v>
      </c>
    </row>
    <row r="131" spans="1:4" x14ac:dyDescent="0.3">
      <c r="A131" s="2" t="s">
        <v>393</v>
      </c>
      <c r="B131" s="2" t="s">
        <v>392</v>
      </c>
      <c r="C131" s="1" t="s">
        <v>394</v>
      </c>
      <c r="D131" s="3">
        <v>25934</v>
      </c>
    </row>
    <row r="132" spans="1:4" x14ac:dyDescent="0.3">
      <c r="A132" s="2" t="s">
        <v>396</v>
      </c>
      <c r="B132" s="2" t="s">
        <v>395</v>
      </c>
      <c r="C132" s="1" t="s">
        <v>397</v>
      </c>
      <c r="D132" s="3">
        <v>25934</v>
      </c>
    </row>
    <row r="133" spans="1:4" ht="28.8" x14ac:dyDescent="0.3">
      <c r="A133" s="2" t="s">
        <v>399</v>
      </c>
      <c r="B133" s="2" t="s">
        <v>398</v>
      </c>
      <c r="C133" s="1" t="s">
        <v>400</v>
      </c>
      <c r="D133" s="3">
        <v>25934</v>
      </c>
    </row>
    <row r="134" spans="1:4" x14ac:dyDescent="0.3">
      <c r="A134" s="2" t="s">
        <v>402</v>
      </c>
      <c r="B134" s="2" t="s">
        <v>401</v>
      </c>
      <c r="C134" s="1" t="s">
        <v>403</v>
      </c>
      <c r="D134" s="3">
        <v>25934</v>
      </c>
    </row>
    <row r="135" spans="1:4" ht="28.8" x14ac:dyDescent="0.3">
      <c r="A135" s="2" t="s">
        <v>405</v>
      </c>
      <c r="B135" s="2" t="s">
        <v>404</v>
      </c>
      <c r="C135" s="1" t="s">
        <v>406</v>
      </c>
      <c r="D135" s="3">
        <v>25934</v>
      </c>
    </row>
    <row r="136" spans="1:4" ht="28.8" x14ac:dyDescent="0.3">
      <c r="A136" s="2" t="s">
        <v>408</v>
      </c>
      <c r="B136" s="2" t="s">
        <v>407</v>
      </c>
      <c r="C136" s="1" t="s">
        <v>409</v>
      </c>
      <c r="D136" s="3">
        <v>25934</v>
      </c>
    </row>
    <row r="137" spans="1:4" ht="28.8" x14ac:dyDescent="0.3">
      <c r="A137" s="2" t="s">
        <v>411</v>
      </c>
      <c r="B137" s="2" t="s">
        <v>410</v>
      </c>
      <c r="C137" s="1" t="s">
        <v>412</v>
      </c>
      <c r="D137" s="3">
        <v>25934</v>
      </c>
    </row>
    <row r="138" spans="1:4" ht="28.8" x14ac:dyDescent="0.3">
      <c r="A138" s="2" t="s">
        <v>414</v>
      </c>
      <c r="B138" s="2" t="s">
        <v>413</v>
      </c>
      <c r="C138" s="1" t="s">
        <v>415</v>
      </c>
      <c r="D138" s="3">
        <v>25934</v>
      </c>
    </row>
    <row r="139" spans="1:4" ht="28.8" x14ac:dyDescent="0.3">
      <c r="A139" s="2" t="s">
        <v>417</v>
      </c>
      <c r="B139" s="2" t="s">
        <v>416</v>
      </c>
      <c r="C139" s="1" t="s">
        <v>418</v>
      </c>
      <c r="D139" s="3">
        <v>25934</v>
      </c>
    </row>
    <row r="140" spans="1:4" ht="28.8" x14ac:dyDescent="0.3">
      <c r="A140" s="2" t="s">
        <v>420</v>
      </c>
      <c r="B140" s="2" t="s">
        <v>419</v>
      </c>
      <c r="C140" s="1" t="s">
        <v>421</v>
      </c>
      <c r="D140" s="3">
        <v>25934</v>
      </c>
    </row>
    <row r="141" spans="1:4" ht="28.8" x14ac:dyDescent="0.3">
      <c r="A141" s="2" t="s">
        <v>423</v>
      </c>
      <c r="B141" s="2" t="s">
        <v>422</v>
      </c>
      <c r="C141" s="1" t="s">
        <v>424</v>
      </c>
      <c r="D141" s="3">
        <v>42369</v>
      </c>
    </row>
    <row r="142" spans="1:4" ht="28.8" x14ac:dyDescent="0.3">
      <c r="A142" s="2" t="s">
        <v>426</v>
      </c>
      <c r="B142" s="2" t="s">
        <v>425</v>
      </c>
      <c r="C142" s="1" t="s">
        <v>427</v>
      </c>
      <c r="D142" s="3">
        <v>42412</v>
      </c>
    </row>
    <row r="143" spans="1:4" ht="28.8" x14ac:dyDescent="0.3">
      <c r="A143" s="2" t="s">
        <v>429</v>
      </c>
      <c r="B143" s="2" t="s">
        <v>428</v>
      </c>
      <c r="C143" s="1" t="s">
        <v>430</v>
      </c>
      <c r="D143" s="3">
        <v>25934</v>
      </c>
    </row>
    <row r="144" spans="1:4" x14ac:dyDescent="0.3">
      <c r="A144" s="2" t="s">
        <v>432</v>
      </c>
      <c r="B144" s="2" t="s">
        <v>431</v>
      </c>
      <c r="C144" s="1" t="s">
        <v>433</v>
      </c>
      <c r="D144" s="3">
        <v>41059</v>
      </c>
    </row>
    <row r="145" spans="1:4" x14ac:dyDescent="0.3">
      <c r="A145" s="2" t="s">
        <v>435</v>
      </c>
      <c r="B145" s="2" t="s">
        <v>434</v>
      </c>
      <c r="C145" s="1" t="s">
        <v>436</v>
      </c>
      <c r="D145" s="3">
        <v>41912</v>
      </c>
    </row>
    <row r="146" spans="1:4" ht="28.8" x14ac:dyDescent="0.3">
      <c r="A146" s="2" t="s">
        <v>438</v>
      </c>
      <c r="B146" s="2" t="s">
        <v>437</v>
      </c>
      <c r="C146" s="1" t="s">
        <v>439</v>
      </c>
      <c r="D146" s="3">
        <v>42063</v>
      </c>
    </row>
    <row r="147" spans="1:4" x14ac:dyDescent="0.3">
      <c r="A147" s="2" t="s">
        <v>441</v>
      </c>
      <c r="B147" s="2" t="s">
        <v>440</v>
      </c>
      <c r="C147" s="1" t="s">
        <v>442</v>
      </c>
      <c r="D147" s="3">
        <v>41943</v>
      </c>
    </row>
    <row r="148" spans="1:4" ht="28.8" x14ac:dyDescent="0.3">
      <c r="A148" s="2" t="s">
        <v>444</v>
      </c>
      <c r="B148" s="2" t="s">
        <v>443</v>
      </c>
      <c r="C148" s="1" t="s">
        <v>445</v>
      </c>
      <c r="D148" s="3">
        <v>25934</v>
      </c>
    </row>
    <row r="149" spans="1:4" x14ac:dyDescent="0.3">
      <c r="A149" s="2" t="s">
        <v>447</v>
      </c>
      <c r="B149" s="2" t="s">
        <v>446</v>
      </c>
      <c r="C149" s="1" t="s">
        <v>448</v>
      </c>
      <c r="D149" s="3">
        <v>25934</v>
      </c>
    </row>
    <row r="150" spans="1:4" x14ac:dyDescent="0.3">
      <c r="A150" s="2" t="s">
        <v>450</v>
      </c>
      <c r="B150" s="2" t="s">
        <v>449</v>
      </c>
      <c r="C150" s="1" t="s">
        <v>451</v>
      </c>
      <c r="D150" s="3">
        <v>37621</v>
      </c>
    </row>
    <row r="151" spans="1:4" x14ac:dyDescent="0.3">
      <c r="A151" s="2" t="s">
        <v>453</v>
      </c>
      <c r="B151" s="2" t="s">
        <v>452</v>
      </c>
      <c r="C151" s="1" t="s">
        <v>454</v>
      </c>
      <c r="D151" s="3">
        <v>25934</v>
      </c>
    </row>
    <row r="152" spans="1:4" ht="28.8" x14ac:dyDescent="0.3">
      <c r="A152" s="2" t="s">
        <v>456</v>
      </c>
      <c r="B152" s="2" t="s">
        <v>455</v>
      </c>
      <c r="C152" s="1" t="s">
        <v>457</v>
      </c>
      <c r="D152" s="3">
        <v>42004</v>
      </c>
    </row>
    <row r="153" spans="1:4" ht="28.8" x14ac:dyDescent="0.3">
      <c r="A153" s="2" t="s">
        <v>459</v>
      </c>
      <c r="B153" s="2" t="s">
        <v>458</v>
      </c>
      <c r="C153" s="1" t="s">
        <v>460</v>
      </c>
      <c r="D153" s="3">
        <v>25934</v>
      </c>
    </row>
    <row r="154" spans="1:4" ht="28.8" x14ac:dyDescent="0.3">
      <c r="A154" s="2" t="s">
        <v>462</v>
      </c>
      <c r="B154" s="2" t="s">
        <v>461</v>
      </c>
      <c r="C154" s="1" t="s">
        <v>463</v>
      </c>
      <c r="D154" s="3">
        <v>41274</v>
      </c>
    </row>
    <row r="155" spans="1:4" ht="28.8" x14ac:dyDescent="0.3">
      <c r="A155" s="2" t="s">
        <v>465</v>
      </c>
      <c r="B155" s="2" t="s">
        <v>464</v>
      </c>
      <c r="C155" s="1" t="s">
        <v>466</v>
      </c>
      <c r="D155" s="3">
        <v>37621</v>
      </c>
    </row>
    <row r="156" spans="1:4" ht="43.2" x14ac:dyDescent="0.3">
      <c r="A156" s="2" t="s">
        <v>468</v>
      </c>
      <c r="B156" s="2" t="s">
        <v>467</v>
      </c>
      <c r="C156" s="1" t="s">
        <v>469</v>
      </c>
      <c r="D156" s="3">
        <v>25934</v>
      </c>
    </row>
    <row r="157" spans="1:4" ht="28.8" x14ac:dyDescent="0.3">
      <c r="A157" s="2" t="s">
        <v>471</v>
      </c>
      <c r="B157" s="2" t="s">
        <v>470</v>
      </c>
      <c r="C157" s="1" t="s">
        <v>472</v>
      </c>
      <c r="D157" s="3">
        <v>25934</v>
      </c>
    </row>
    <row r="158" spans="1:4" x14ac:dyDescent="0.3">
      <c r="A158" s="2" t="s">
        <v>474</v>
      </c>
      <c r="B158" s="2" t="s">
        <v>473</v>
      </c>
      <c r="C158" s="1" t="s">
        <v>475</v>
      </c>
      <c r="D158" s="3">
        <v>25934</v>
      </c>
    </row>
    <row r="159" spans="1:4" ht="43.2" x14ac:dyDescent="0.3">
      <c r="A159" s="2" t="s">
        <v>477</v>
      </c>
      <c r="B159" s="2" t="s">
        <v>476</v>
      </c>
      <c r="C159" s="1" t="s">
        <v>478</v>
      </c>
      <c r="D159" s="3">
        <v>25934</v>
      </c>
    </row>
    <row r="160" spans="1:4" ht="28.8" x14ac:dyDescent="0.3">
      <c r="A160" s="2" t="s">
        <v>480</v>
      </c>
      <c r="B160" s="2" t="s">
        <v>479</v>
      </c>
      <c r="C160" s="1" t="s">
        <v>481</v>
      </c>
      <c r="D160" s="3">
        <v>25934</v>
      </c>
    </row>
    <row r="161" spans="1:4" x14ac:dyDescent="0.3">
      <c r="A161" s="2" t="s">
        <v>483</v>
      </c>
      <c r="B161" s="2" t="s">
        <v>482</v>
      </c>
      <c r="C161" s="1" t="s">
        <v>484</v>
      </c>
      <c r="D161" s="3">
        <v>25934</v>
      </c>
    </row>
    <row r="162" spans="1:4" ht="57.6" x14ac:dyDescent="0.3">
      <c r="A162" s="2" t="s">
        <v>486</v>
      </c>
      <c r="B162" s="2" t="s">
        <v>485</v>
      </c>
      <c r="C162" s="1" t="s">
        <v>487</v>
      </c>
      <c r="D162" s="3">
        <v>25934</v>
      </c>
    </row>
    <row r="163" spans="1:4" x14ac:dyDescent="0.3">
      <c r="A163" s="2" t="s">
        <v>489</v>
      </c>
      <c r="B163" s="2" t="s">
        <v>488</v>
      </c>
      <c r="C163" s="1" t="s">
        <v>490</v>
      </c>
      <c r="D163" s="3">
        <v>41639</v>
      </c>
    </row>
    <row r="164" spans="1:4" ht="28.8" x14ac:dyDescent="0.3">
      <c r="A164" s="2" t="s">
        <v>492</v>
      </c>
      <c r="B164" s="2" t="s">
        <v>491</v>
      </c>
      <c r="C164" s="1" t="s">
        <v>493</v>
      </c>
      <c r="D164" s="3">
        <v>25934</v>
      </c>
    </row>
    <row r="165" spans="1:4" ht="28.8" x14ac:dyDescent="0.3">
      <c r="A165" s="2" t="s">
        <v>495</v>
      </c>
      <c r="B165" s="2" t="s">
        <v>494</v>
      </c>
      <c r="C165" s="1" t="s">
        <v>496</v>
      </c>
      <c r="D165" s="3">
        <v>40908</v>
      </c>
    </row>
    <row r="166" spans="1:4" x14ac:dyDescent="0.3">
      <c r="A166" s="2" t="s">
        <v>498</v>
      </c>
      <c r="B166" s="2" t="s">
        <v>497</v>
      </c>
      <c r="C166" s="1" t="s">
        <v>499</v>
      </c>
      <c r="D166" s="3">
        <v>25934</v>
      </c>
    </row>
    <row r="167" spans="1:4" x14ac:dyDescent="0.3">
      <c r="A167" s="2" t="s">
        <v>501</v>
      </c>
      <c r="B167" s="2" t="s">
        <v>500</v>
      </c>
      <c r="C167" s="1" t="s">
        <v>502</v>
      </c>
      <c r="D167" s="3">
        <v>42369</v>
      </c>
    </row>
    <row r="168" spans="1:4" ht="28.8" x14ac:dyDescent="0.3">
      <c r="A168" s="2" t="s">
        <v>504</v>
      </c>
      <c r="B168" s="2" t="s">
        <v>503</v>
      </c>
      <c r="C168" s="1" t="s">
        <v>505</v>
      </c>
      <c r="D168" s="3">
        <v>25934</v>
      </c>
    </row>
    <row r="169" spans="1:4" ht="28.8" x14ac:dyDescent="0.3">
      <c r="A169" s="2" t="s">
        <v>507</v>
      </c>
      <c r="B169" s="2" t="s">
        <v>506</v>
      </c>
      <c r="C169" s="1" t="s">
        <v>508</v>
      </c>
      <c r="D169" s="3">
        <v>25934</v>
      </c>
    </row>
    <row r="170" spans="1:4" x14ac:dyDescent="0.3">
      <c r="A170" s="2" t="s">
        <v>510</v>
      </c>
      <c r="B170" s="2" t="s">
        <v>509</v>
      </c>
      <c r="C170" s="1" t="s">
        <v>511</v>
      </c>
      <c r="D170" s="3">
        <v>35796</v>
      </c>
    </row>
    <row r="171" spans="1:4" x14ac:dyDescent="0.3">
      <c r="A171" s="2" t="s">
        <v>513</v>
      </c>
      <c r="B171" s="2" t="s">
        <v>512</v>
      </c>
      <c r="C171" s="1" t="s">
        <v>514</v>
      </c>
      <c r="D171" s="3">
        <v>27760</v>
      </c>
    </row>
    <row r="172" spans="1:4" x14ac:dyDescent="0.3">
      <c r="A172" s="2" t="s">
        <v>516</v>
      </c>
      <c r="B172" s="2" t="s">
        <v>515</v>
      </c>
      <c r="C172" s="1" t="s">
        <v>517</v>
      </c>
      <c r="D172" s="3">
        <v>42370</v>
      </c>
    </row>
    <row r="173" spans="1:4" x14ac:dyDescent="0.3">
      <c r="A173" s="2" t="s">
        <v>519</v>
      </c>
      <c r="B173" s="2" t="s">
        <v>518</v>
      </c>
      <c r="C173" s="1" t="s">
        <v>520</v>
      </c>
      <c r="D173" s="3">
        <v>39814</v>
      </c>
    </row>
    <row r="174" spans="1:4" x14ac:dyDescent="0.3">
      <c r="A174" s="2" t="s">
        <v>522</v>
      </c>
      <c r="B174" s="2" t="s">
        <v>521</v>
      </c>
      <c r="C174" s="1" t="s">
        <v>523</v>
      </c>
      <c r="D174" s="3">
        <v>40179</v>
      </c>
    </row>
    <row r="175" spans="1:4" x14ac:dyDescent="0.3">
      <c r="A175" s="2" t="s">
        <v>525</v>
      </c>
      <c r="B175" s="2" t="s">
        <v>524</v>
      </c>
      <c r="C175" s="1" t="s">
        <v>526</v>
      </c>
      <c r="D175" s="3">
        <v>40179</v>
      </c>
    </row>
    <row r="176" spans="1:4" ht="28.8" x14ac:dyDescent="0.3">
      <c r="A176" s="2" t="s">
        <v>528</v>
      </c>
      <c r="B176" s="2" t="s">
        <v>527</v>
      </c>
      <c r="C176" s="1" t="s">
        <v>529</v>
      </c>
      <c r="D176" s="3">
        <v>27395</v>
      </c>
    </row>
    <row r="177" spans="1:4" ht="28.8" x14ac:dyDescent="0.3">
      <c r="A177" s="2" t="s">
        <v>531</v>
      </c>
      <c r="B177" s="2" t="s">
        <v>530</v>
      </c>
      <c r="C177" s="1" t="s">
        <v>532</v>
      </c>
      <c r="D177" s="3">
        <v>27395</v>
      </c>
    </row>
    <row r="178" spans="1:4" ht="43.2" x14ac:dyDescent="0.3">
      <c r="A178" s="2" t="s">
        <v>534</v>
      </c>
      <c r="B178" s="2" t="s">
        <v>533</v>
      </c>
      <c r="C178" s="1" t="s">
        <v>535</v>
      </c>
      <c r="D178" s="3">
        <v>40852</v>
      </c>
    </row>
    <row r="179" spans="1:4" ht="28.8" x14ac:dyDescent="0.3">
      <c r="A179" s="2" t="s">
        <v>537</v>
      </c>
      <c r="B179" s="2" t="s">
        <v>536</v>
      </c>
      <c r="C179" s="1" t="s">
        <v>538</v>
      </c>
      <c r="D179" s="3">
        <v>40852</v>
      </c>
    </row>
    <row r="180" spans="1:4" x14ac:dyDescent="0.3">
      <c r="A180" s="2" t="s">
        <v>540</v>
      </c>
      <c r="B180" s="2" t="s">
        <v>539</v>
      </c>
      <c r="C180" s="1" t="s">
        <v>541</v>
      </c>
      <c r="D180" s="3">
        <v>42186</v>
      </c>
    </row>
    <row r="181" spans="1:4" ht="43.2" x14ac:dyDescent="0.3">
      <c r="A181" s="2" t="s">
        <v>543</v>
      </c>
      <c r="B181" s="2" t="s">
        <v>542</v>
      </c>
      <c r="C181" s="1" t="s">
        <v>544</v>
      </c>
      <c r="D181" s="3">
        <v>42370</v>
      </c>
    </row>
    <row r="182" spans="1:4" ht="28.8" x14ac:dyDescent="0.3">
      <c r="A182" s="2" t="s">
        <v>546</v>
      </c>
      <c r="B182" s="2" t="s">
        <v>545</v>
      </c>
      <c r="C182" s="1" t="s">
        <v>547</v>
      </c>
      <c r="D182" s="3">
        <v>40238</v>
      </c>
    </row>
    <row r="183" spans="1:4" ht="28.8" x14ac:dyDescent="0.3">
      <c r="A183" s="2" t="s">
        <v>549</v>
      </c>
      <c r="B183" s="2" t="s">
        <v>548</v>
      </c>
      <c r="C183" s="1" t="s">
        <v>550</v>
      </c>
      <c r="D183" s="3">
        <v>40179</v>
      </c>
    </row>
    <row r="184" spans="1:4" ht="28.8" x14ac:dyDescent="0.3">
      <c r="A184" s="2" t="s">
        <v>552</v>
      </c>
      <c r="B184" s="2" t="s">
        <v>551</v>
      </c>
      <c r="C184" s="1" t="s">
        <v>553</v>
      </c>
      <c r="D184" s="3">
        <v>40179</v>
      </c>
    </row>
    <row r="185" spans="1:4" ht="28.8" x14ac:dyDescent="0.3">
      <c r="A185" s="2" t="s">
        <v>555</v>
      </c>
      <c r="B185" s="2" t="s">
        <v>554</v>
      </c>
      <c r="C185" s="1" t="s">
        <v>556</v>
      </c>
      <c r="D185" s="3">
        <v>40179</v>
      </c>
    </row>
    <row r="186" spans="1:4" ht="28.8" x14ac:dyDescent="0.3">
      <c r="A186" s="2" t="s">
        <v>558</v>
      </c>
      <c r="B186" s="2" t="s">
        <v>557</v>
      </c>
      <c r="C186" s="1" t="s">
        <v>559</v>
      </c>
      <c r="D186" s="3">
        <v>40179</v>
      </c>
    </row>
    <row r="187" spans="1:4" ht="28.8" x14ac:dyDescent="0.3">
      <c r="A187" s="2" t="s">
        <v>561</v>
      </c>
      <c r="B187" s="2" t="s">
        <v>560</v>
      </c>
      <c r="C187" s="1" t="s">
        <v>562</v>
      </c>
      <c r="D187" s="3">
        <v>40179</v>
      </c>
    </row>
    <row r="188" spans="1:4" ht="43.2" x14ac:dyDescent="0.3">
      <c r="A188" s="2" t="s">
        <v>564</v>
      </c>
      <c r="B188" s="2" t="s">
        <v>563</v>
      </c>
      <c r="C188" s="1" t="s">
        <v>565</v>
      </c>
      <c r="D188" s="3">
        <v>40179</v>
      </c>
    </row>
    <row r="189" spans="1:4" ht="28.8" x14ac:dyDescent="0.3">
      <c r="A189" s="2" t="s">
        <v>567</v>
      </c>
      <c r="B189" s="2" t="s">
        <v>566</v>
      </c>
      <c r="C189" s="1" t="s">
        <v>568</v>
      </c>
      <c r="D189" s="3">
        <v>38770</v>
      </c>
    </row>
    <row r="190" spans="1:4" ht="28.8" x14ac:dyDescent="0.3">
      <c r="A190" s="2" t="s">
        <v>570</v>
      </c>
      <c r="B190" s="2" t="s">
        <v>569</v>
      </c>
      <c r="C190" s="1" t="s">
        <v>571</v>
      </c>
      <c r="D190" s="3">
        <v>42370</v>
      </c>
    </row>
    <row r="191" spans="1:4" ht="28.8" x14ac:dyDescent="0.3">
      <c r="A191" s="2" t="s">
        <v>573</v>
      </c>
      <c r="B191" s="2" t="s">
        <v>572</v>
      </c>
      <c r="C191" s="1" t="s">
        <v>574</v>
      </c>
      <c r="D191" s="3">
        <v>42186</v>
      </c>
    </row>
    <row r="192" spans="1:4" ht="28.8" x14ac:dyDescent="0.3">
      <c r="A192" s="2" t="s">
        <v>576</v>
      </c>
      <c r="B192" s="2" t="s">
        <v>575</v>
      </c>
      <c r="C192" s="1" t="s">
        <v>577</v>
      </c>
      <c r="D192" s="3">
        <v>42005</v>
      </c>
    </row>
    <row r="193" spans="1:4" x14ac:dyDescent="0.3">
      <c r="A193" s="2" t="s">
        <v>579</v>
      </c>
      <c r="B193" s="2" t="s">
        <v>578</v>
      </c>
      <c r="C193" s="1" t="s">
        <v>580</v>
      </c>
      <c r="D193" s="3">
        <v>38718</v>
      </c>
    </row>
    <row r="194" spans="1:4" ht="43.2" x14ac:dyDescent="0.3">
      <c r="A194" s="2" t="s">
        <v>582</v>
      </c>
      <c r="B194" s="2" t="s">
        <v>581</v>
      </c>
      <c r="C194" s="1" t="s">
        <v>583</v>
      </c>
      <c r="D194" s="3">
        <v>25934</v>
      </c>
    </row>
    <row r="195" spans="1:4" x14ac:dyDescent="0.3">
      <c r="A195" s="2" t="s">
        <v>585</v>
      </c>
      <c r="B195" s="2" t="s">
        <v>584</v>
      </c>
      <c r="C195" s="1" t="s">
        <v>586</v>
      </c>
      <c r="D195" s="3"/>
    </row>
    <row r="196" spans="1:4" x14ac:dyDescent="0.3">
      <c r="A196" s="2" t="s">
        <v>587</v>
      </c>
      <c r="B196" s="2" t="s">
        <v>584</v>
      </c>
      <c r="C196" s="1" t="s">
        <v>586</v>
      </c>
      <c r="D196" s="3"/>
    </row>
    <row r="197" spans="1:4" x14ac:dyDescent="0.3">
      <c r="A197" s="2" t="s">
        <v>589</v>
      </c>
      <c r="B197" s="2" t="s">
        <v>588</v>
      </c>
      <c r="C197" s="1" t="s">
        <v>590</v>
      </c>
      <c r="D197" s="3">
        <v>33604</v>
      </c>
    </row>
    <row r="198" spans="1:4" ht="28.8" x14ac:dyDescent="0.3">
      <c r="A198" s="2" t="s">
        <v>592</v>
      </c>
      <c r="B198" s="2" t="s">
        <v>591</v>
      </c>
      <c r="C198" s="1" t="s">
        <v>593</v>
      </c>
      <c r="D198" s="3"/>
    </row>
    <row r="199" spans="1:4" x14ac:dyDescent="0.3">
      <c r="A199" s="2" t="s">
        <v>595</v>
      </c>
      <c r="B199" s="2" t="s">
        <v>594</v>
      </c>
      <c r="C199" s="1" t="s">
        <v>596</v>
      </c>
      <c r="D199" s="3">
        <v>25569</v>
      </c>
    </row>
    <row r="200" spans="1:4" ht="28.8" x14ac:dyDescent="0.3">
      <c r="A200" s="2" t="s">
        <v>597</v>
      </c>
      <c r="B200" s="2" t="s">
        <v>10</v>
      </c>
      <c r="C200" s="1" t="s">
        <v>598</v>
      </c>
      <c r="D200" s="3"/>
    </row>
    <row r="201" spans="1:4" x14ac:dyDescent="0.3">
      <c r="A201" s="2" t="s">
        <v>600</v>
      </c>
      <c r="B201" s="2" t="s">
        <v>599</v>
      </c>
      <c r="C201" s="1" t="s">
        <v>601</v>
      </c>
      <c r="D201" s="3"/>
    </row>
    <row r="202" spans="1:4" ht="28.8" x14ac:dyDescent="0.3">
      <c r="A202" s="2" t="s">
        <v>603</v>
      </c>
      <c r="B202" s="2" t="s">
        <v>602</v>
      </c>
      <c r="C202" s="1" t="s">
        <v>604</v>
      </c>
      <c r="D202" s="3">
        <v>34820</v>
      </c>
    </row>
    <row r="203" spans="1:4" x14ac:dyDescent="0.3">
      <c r="A203" s="2" t="s">
        <v>606</v>
      </c>
      <c r="B203" s="2" t="s">
        <v>605</v>
      </c>
      <c r="C203" s="1" t="s">
        <v>607</v>
      </c>
      <c r="D203" s="3">
        <v>25569</v>
      </c>
    </row>
    <row r="204" spans="1:4" x14ac:dyDescent="0.3">
      <c r="A204" s="2" t="s">
        <v>609</v>
      </c>
      <c r="B204" s="2" t="s">
        <v>608</v>
      </c>
      <c r="C204" s="1" t="s">
        <v>610</v>
      </c>
      <c r="D204" s="3"/>
    </row>
    <row r="205" spans="1:4" x14ac:dyDescent="0.3">
      <c r="A205" s="2" t="s">
        <v>612</v>
      </c>
      <c r="B205" s="2" t="s">
        <v>611</v>
      </c>
      <c r="C205" s="1" t="s">
        <v>613</v>
      </c>
      <c r="D205" s="3">
        <v>27395</v>
      </c>
    </row>
    <row r="206" spans="1:4" ht="43.2" x14ac:dyDescent="0.3">
      <c r="A206" s="2" t="s">
        <v>615</v>
      </c>
      <c r="B206" s="2" t="s">
        <v>614</v>
      </c>
      <c r="C206" s="1" t="s">
        <v>616</v>
      </c>
      <c r="D206" s="3">
        <v>2015</v>
      </c>
    </row>
    <row r="207" spans="1:4" ht="28.8" x14ac:dyDescent="0.3">
      <c r="A207" s="2" t="s">
        <v>618</v>
      </c>
      <c r="B207" s="2" t="s">
        <v>617</v>
      </c>
      <c r="C207" s="1" t="s">
        <v>619</v>
      </c>
      <c r="D207" s="3"/>
    </row>
    <row r="208" spans="1:4" x14ac:dyDescent="0.3">
      <c r="A208" s="2" t="s">
        <v>621</v>
      </c>
      <c r="B208" s="2" t="s">
        <v>620</v>
      </c>
      <c r="C208" s="1" t="s">
        <v>622</v>
      </c>
      <c r="D208" s="3">
        <v>25569</v>
      </c>
    </row>
    <row r="209" spans="1:4" x14ac:dyDescent="0.3">
      <c r="A209" s="2" t="s">
        <v>624</v>
      </c>
      <c r="B209" s="2" t="s">
        <v>623</v>
      </c>
      <c r="C209" s="1" t="s">
        <v>625</v>
      </c>
      <c r="D209" s="3"/>
    </row>
    <row r="210" spans="1:4" x14ac:dyDescent="0.3">
      <c r="A210" s="2" t="s">
        <v>627</v>
      </c>
      <c r="B210" s="2" t="s">
        <v>626</v>
      </c>
      <c r="C210" s="1" t="s">
        <v>628</v>
      </c>
      <c r="D210" s="3">
        <v>35796</v>
      </c>
    </row>
    <row r="211" spans="1:4" ht="28.8" x14ac:dyDescent="0.3">
      <c r="A211" s="2" t="s">
        <v>630</v>
      </c>
      <c r="B211" s="2" t="s">
        <v>629</v>
      </c>
      <c r="C211" s="1" t="s">
        <v>631</v>
      </c>
      <c r="D211" s="3">
        <v>42309</v>
      </c>
    </row>
    <row r="212" spans="1:4" ht="43.2" x14ac:dyDescent="0.3">
      <c r="A212" s="2" t="s">
        <v>633</v>
      </c>
      <c r="B212" s="2" t="s">
        <v>632</v>
      </c>
      <c r="C212" s="1" t="s">
        <v>634</v>
      </c>
      <c r="D212" s="3">
        <v>25934</v>
      </c>
    </row>
    <row r="213" spans="1:4" ht="43.2" x14ac:dyDescent="0.3">
      <c r="A213" s="2" t="s">
        <v>636</v>
      </c>
      <c r="B213" s="2" t="s">
        <v>635</v>
      </c>
      <c r="C213" s="1" t="s">
        <v>637</v>
      </c>
      <c r="D213" s="3">
        <v>25934</v>
      </c>
    </row>
    <row r="214" spans="1:4" x14ac:dyDescent="0.3">
      <c r="A214" s="2" t="s">
        <v>639</v>
      </c>
      <c r="B214" s="2" t="s">
        <v>638</v>
      </c>
      <c r="C214" s="1" t="s">
        <v>640</v>
      </c>
      <c r="D214" s="3">
        <v>25934</v>
      </c>
    </row>
    <row r="215" spans="1:4" ht="43.2" x14ac:dyDescent="0.3">
      <c r="A215" s="2" t="s">
        <v>642</v>
      </c>
      <c r="B215" s="2" t="s">
        <v>641</v>
      </c>
      <c r="C215" s="1" t="s">
        <v>643</v>
      </c>
      <c r="D215" s="3">
        <v>25934</v>
      </c>
    </row>
    <row r="216" spans="1:4" ht="43.2" x14ac:dyDescent="0.3">
      <c r="A216" s="2" t="s">
        <v>645</v>
      </c>
      <c r="B216" s="2" t="s">
        <v>644</v>
      </c>
      <c r="C216" s="1" t="s">
        <v>646</v>
      </c>
      <c r="D216" s="3">
        <v>25934</v>
      </c>
    </row>
    <row r="217" spans="1:4" ht="43.2" x14ac:dyDescent="0.3">
      <c r="A217" s="2" t="s">
        <v>648</v>
      </c>
      <c r="B217" s="2" t="s">
        <v>647</v>
      </c>
      <c r="C217" s="1" t="s">
        <v>649</v>
      </c>
      <c r="D217" s="3">
        <v>25934</v>
      </c>
    </row>
    <row r="218" spans="1:4" x14ac:dyDescent="0.3">
      <c r="A218" s="2" t="s">
        <v>651</v>
      </c>
      <c r="B218" s="2" t="s">
        <v>650</v>
      </c>
      <c r="C218" s="1" t="s">
        <v>652</v>
      </c>
      <c r="D218" s="3">
        <v>25934</v>
      </c>
    </row>
    <row r="219" spans="1:4" x14ac:dyDescent="0.3">
      <c r="A219" s="2" t="s">
        <v>654</v>
      </c>
      <c r="B219" s="2" t="s">
        <v>653</v>
      </c>
      <c r="C219" s="1" t="s">
        <v>655</v>
      </c>
      <c r="D219" s="3">
        <v>25934</v>
      </c>
    </row>
    <row r="220" spans="1:4" x14ac:dyDescent="0.3">
      <c r="A220" s="2" t="s">
        <v>657</v>
      </c>
      <c r="B220" s="2" t="s">
        <v>656</v>
      </c>
      <c r="C220" s="1" t="s">
        <v>658</v>
      </c>
      <c r="D220" s="3">
        <v>25934</v>
      </c>
    </row>
    <row r="221" spans="1:4" ht="43.2" x14ac:dyDescent="0.3">
      <c r="A221" s="2" t="s">
        <v>660</v>
      </c>
      <c r="B221" s="2" t="s">
        <v>659</v>
      </c>
      <c r="C221" s="1" t="s">
        <v>661</v>
      </c>
      <c r="D221" s="3">
        <v>25934</v>
      </c>
    </row>
    <row r="222" spans="1:4" ht="43.2" x14ac:dyDescent="0.3">
      <c r="A222" s="2" t="s">
        <v>663</v>
      </c>
      <c r="B222" s="2" t="s">
        <v>662</v>
      </c>
      <c r="C222" s="1" t="s">
        <v>664</v>
      </c>
      <c r="D222" s="3">
        <v>25934</v>
      </c>
    </row>
    <row r="223" spans="1:4" x14ac:dyDescent="0.3">
      <c r="A223" s="2" t="s">
        <v>666</v>
      </c>
      <c r="B223" s="2" t="s">
        <v>665</v>
      </c>
      <c r="C223" s="1" t="s">
        <v>667</v>
      </c>
      <c r="D223" s="3">
        <v>25934</v>
      </c>
    </row>
    <row r="224" spans="1:4" x14ac:dyDescent="0.3">
      <c r="A224" s="2" t="s">
        <v>668</v>
      </c>
      <c r="B224" s="2" t="s">
        <v>602</v>
      </c>
      <c r="C224" s="1" t="s">
        <v>669</v>
      </c>
      <c r="D224" s="3">
        <v>34820</v>
      </c>
    </row>
    <row r="225" spans="1:4" ht="28.8" x14ac:dyDescent="0.3">
      <c r="A225" s="2" t="s">
        <v>671</v>
      </c>
      <c r="B225" s="2" t="s">
        <v>670</v>
      </c>
      <c r="C225" s="1" t="s">
        <v>672</v>
      </c>
      <c r="D225" s="3">
        <v>25934</v>
      </c>
    </row>
    <row r="226" spans="1:4" ht="28.8" x14ac:dyDescent="0.3">
      <c r="A226" s="2" t="s">
        <v>674</v>
      </c>
      <c r="B226" s="2" t="s">
        <v>673</v>
      </c>
      <c r="C226" s="1" t="s">
        <v>675</v>
      </c>
      <c r="D226" s="3">
        <v>25934</v>
      </c>
    </row>
    <row r="227" spans="1:4" x14ac:dyDescent="0.3">
      <c r="A227" s="2" t="s">
        <v>677</v>
      </c>
      <c r="B227" s="2" t="s">
        <v>676</v>
      </c>
      <c r="C227" s="1" t="s">
        <v>678</v>
      </c>
      <c r="D227" s="3">
        <v>25934</v>
      </c>
    </row>
    <row r="228" spans="1:4" ht="28.8" x14ac:dyDescent="0.3">
      <c r="A228" s="2" t="s">
        <v>680</v>
      </c>
      <c r="B228" s="2" t="s">
        <v>679</v>
      </c>
      <c r="C228" s="1" t="s">
        <v>681</v>
      </c>
      <c r="D228" s="3">
        <v>25934</v>
      </c>
    </row>
    <row r="229" spans="1:4" ht="28.8" x14ac:dyDescent="0.3">
      <c r="A229" s="2" t="s">
        <v>683</v>
      </c>
      <c r="B229" s="2" t="s">
        <v>682</v>
      </c>
      <c r="C229" s="1" t="s">
        <v>684</v>
      </c>
      <c r="D229" s="3">
        <v>25934</v>
      </c>
    </row>
    <row r="230" spans="1:4" ht="28.8" x14ac:dyDescent="0.3">
      <c r="A230" s="2" t="s">
        <v>686</v>
      </c>
      <c r="B230" s="2" t="s">
        <v>685</v>
      </c>
      <c r="C230" s="1" t="s">
        <v>687</v>
      </c>
      <c r="D230" s="3">
        <v>25934</v>
      </c>
    </row>
    <row r="231" spans="1:4" ht="43.2" x14ac:dyDescent="0.3">
      <c r="A231" s="2" t="s">
        <v>689</v>
      </c>
      <c r="B231" s="2" t="s">
        <v>688</v>
      </c>
      <c r="C231" s="1" t="s">
        <v>690</v>
      </c>
      <c r="D231" s="3">
        <v>25934</v>
      </c>
    </row>
    <row r="232" spans="1:4" ht="28.8" x14ac:dyDescent="0.3">
      <c r="A232" s="2" t="s">
        <v>692</v>
      </c>
      <c r="B232" s="2" t="s">
        <v>691</v>
      </c>
      <c r="C232" s="1" t="s">
        <v>693</v>
      </c>
      <c r="D232" s="3">
        <v>25934</v>
      </c>
    </row>
    <row r="233" spans="1:4" ht="43.2" x14ac:dyDescent="0.3">
      <c r="A233" s="2" t="s">
        <v>695</v>
      </c>
      <c r="B233" s="2" t="s">
        <v>694</v>
      </c>
      <c r="C233" s="1" t="s">
        <v>696</v>
      </c>
      <c r="D233" s="3">
        <v>25934</v>
      </c>
    </row>
    <row r="234" spans="1:4" ht="28.8" x14ac:dyDescent="0.3">
      <c r="A234" s="2" t="s">
        <v>698</v>
      </c>
      <c r="B234" s="2" t="s">
        <v>697</v>
      </c>
      <c r="C234" s="1" t="s">
        <v>699</v>
      </c>
      <c r="D234" s="3">
        <v>25934</v>
      </c>
    </row>
    <row r="235" spans="1:4" ht="28.8" x14ac:dyDescent="0.3">
      <c r="A235" s="2" t="s">
        <v>701</v>
      </c>
      <c r="B235" s="2" t="s">
        <v>700</v>
      </c>
      <c r="C235" s="1" t="s">
        <v>699</v>
      </c>
      <c r="D235" s="3">
        <v>25934</v>
      </c>
    </row>
    <row r="236" spans="1:4" ht="28.8" x14ac:dyDescent="0.3">
      <c r="A236" s="2" t="s">
        <v>703</v>
      </c>
      <c r="B236" s="2" t="s">
        <v>702</v>
      </c>
      <c r="C236" s="1" t="s">
        <v>704</v>
      </c>
      <c r="D236" s="3">
        <v>25934</v>
      </c>
    </row>
    <row r="237" spans="1:4" x14ac:dyDescent="0.3">
      <c r="A237" s="2" t="s">
        <v>706</v>
      </c>
      <c r="B237" s="2" t="s">
        <v>705</v>
      </c>
      <c r="C237" s="1" t="s">
        <v>707</v>
      </c>
      <c r="D237" s="3">
        <v>25934</v>
      </c>
    </row>
    <row r="238" spans="1:4" ht="43.2" x14ac:dyDescent="0.3">
      <c r="A238" s="2" t="s">
        <v>709</v>
      </c>
      <c r="B238" s="2" t="s">
        <v>708</v>
      </c>
      <c r="C238" s="1" t="s">
        <v>710</v>
      </c>
      <c r="D238" s="3">
        <v>25934</v>
      </c>
    </row>
    <row r="239" spans="1:4" ht="43.2" x14ac:dyDescent="0.3">
      <c r="A239" s="2" t="s">
        <v>712</v>
      </c>
      <c r="B239" s="2" t="s">
        <v>711</v>
      </c>
      <c r="C239" s="1" t="s">
        <v>713</v>
      </c>
      <c r="D239" s="3">
        <v>25934</v>
      </c>
    </row>
    <row r="240" spans="1:4" ht="43.2" x14ac:dyDescent="0.3">
      <c r="A240" s="2" t="s">
        <v>715</v>
      </c>
      <c r="B240" s="2" t="s">
        <v>714</v>
      </c>
      <c r="C240" s="1" t="s">
        <v>716</v>
      </c>
      <c r="D240" s="3">
        <v>25934</v>
      </c>
    </row>
    <row r="241" spans="1:4" ht="28.8" x14ac:dyDescent="0.3">
      <c r="A241" s="2" t="s">
        <v>718</v>
      </c>
      <c r="B241" s="2" t="s">
        <v>717</v>
      </c>
      <c r="C241" s="1" t="s">
        <v>719</v>
      </c>
      <c r="D241" s="3">
        <v>25934</v>
      </c>
    </row>
    <row r="242" spans="1:4" ht="43.2" x14ac:dyDescent="0.3">
      <c r="A242" s="2" t="s">
        <v>721</v>
      </c>
      <c r="B242" s="2" t="s">
        <v>720</v>
      </c>
      <c r="C242" s="1" t="s">
        <v>722</v>
      </c>
      <c r="D242" s="3">
        <v>25934</v>
      </c>
    </row>
    <row r="243" spans="1:4" ht="28.8" x14ac:dyDescent="0.3">
      <c r="A243" s="2" t="s">
        <v>724</v>
      </c>
      <c r="B243" s="2" t="s">
        <v>723</v>
      </c>
      <c r="C243" s="1" t="s">
        <v>725</v>
      </c>
      <c r="D243" s="3">
        <v>25934</v>
      </c>
    </row>
    <row r="244" spans="1:4" x14ac:dyDescent="0.3">
      <c r="A244" s="2" t="s">
        <v>727</v>
      </c>
      <c r="B244" s="2" t="s">
        <v>726</v>
      </c>
      <c r="C244" s="1" t="s">
        <v>728</v>
      </c>
      <c r="D244" s="3">
        <v>25934</v>
      </c>
    </row>
    <row r="245" spans="1:4" ht="43.2" x14ac:dyDescent="0.3">
      <c r="A245" s="2" t="s">
        <v>730</v>
      </c>
      <c r="B245" s="2" t="s">
        <v>729</v>
      </c>
      <c r="C245" s="1" t="s">
        <v>731</v>
      </c>
      <c r="D245" s="3">
        <v>25934</v>
      </c>
    </row>
    <row r="246" spans="1:4" ht="28.8" x14ac:dyDescent="0.3">
      <c r="A246" s="2" t="s">
        <v>733</v>
      </c>
      <c r="B246" s="2" t="s">
        <v>732</v>
      </c>
      <c r="C246" s="1" t="s">
        <v>734</v>
      </c>
      <c r="D246" s="3">
        <v>25934</v>
      </c>
    </row>
    <row r="247" spans="1:4" ht="43.2" x14ac:dyDescent="0.3">
      <c r="A247" s="2" t="s">
        <v>736</v>
      </c>
      <c r="B247" s="2" t="s">
        <v>735</v>
      </c>
      <c r="C247" s="1" t="s">
        <v>737</v>
      </c>
      <c r="D247" s="3">
        <v>25934</v>
      </c>
    </row>
    <row r="248" spans="1:4" ht="43.2" x14ac:dyDescent="0.3">
      <c r="A248" s="2" t="s">
        <v>739</v>
      </c>
      <c r="B248" s="2" t="s">
        <v>738</v>
      </c>
      <c r="C248" s="1" t="s">
        <v>740</v>
      </c>
      <c r="D248" s="3">
        <v>25934</v>
      </c>
    </row>
    <row r="249" spans="1:4" ht="43.2" x14ac:dyDescent="0.3">
      <c r="A249" s="2" t="s">
        <v>742</v>
      </c>
      <c r="B249" s="2" t="s">
        <v>741</v>
      </c>
      <c r="C249" s="1" t="s">
        <v>743</v>
      </c>
      <c r="D249" s="3">
        <v>25934</v>
      </c>
    </row>
    <row r="250" spans="1:4" ht="43.2" x14ac:dyDescent="0.3">
      <c r="A250" s="2" t="s">
        <v>745</v>
      </c>
      <c r="B250" s="2" t="s">
        <v>744</v>
      </c>
      <c r="C250" s="1" t="s">
        <v>743</v>
      </c>
      <c r="D250" s="3">
        <v>25934</v>
      </c>
    </row>
    <row r="251" spans="1:4" ht="28.8" x14ac:dyDescent="0.3">
      <c r="A251" s="2" t="s">
        <v>747</v>
      </c>
      <c r="B251" s="2" t="s">
        <v>746</v>
      </c>
      <c r="C251" s="1" t="s">
        <v>748</v>
      </c>
      <c r="D251" s="3">
        <v>25934</v>
      </c>
    </row>
    <row r="252" spans="1:4" ht="43.2" x14ac:dyDescent="0.3">
      <c r="A252" s="2" t="s">
        <v>750</v>
      </c>
      <c r="B252" s="2" t="s">
        <v>749</v>
      </c>
      <c r="C252" s="1" t="s">
        <v>751</v>
      </c>
      <c r="D252" s="3">
        <v>25934</v>
      </c>
    </row>
    <row r="253" spans="1:4" ht="28.8" x14ac:dyDescent="0.3">
      <c r="A253" s="2" t="s">
        <v>753</v>
      </c>
      <c r="B253" s="2" t="s">
        <v>752</v>
      </c>
      <c r="C253" s="1" t="s">
        <v>754</v>
      </c>
      <c r="D253" s="3">
        <v>25934</v>
      </c>
    </row>
    <row r="254" spans="1:4" ht="28.8" x14ac:dyDescent="0.3">
      <c r="A254" s="2" t="s">
        <v>756</v>
      </c>
      <c r="B254" s="2" t="s">
        <v>755</v>
      </c>
      <c r="C254" s="1" t="s">
        <v>757</v>
      </c>
      <c r="D254" s="3">
        <v>25934</v>
      </c>
    </row>
    <row r="255" spans="1:4" ht="28.8" x14ac:dyDescent="0.3">
      <c r="A255" s="2" t="s">
        <v>759</v>
      </c>
      <c r="B255" s="2" t="s">
        <v>758</v>
      </c>
      <c r="C255" s="1" t="s">
        <v>760</v>
      </c>
      <c r="D255" s="3">
        <v>25569</v>
      </c>
    </row>
    <row r="256" spans="1:4" ht="43.2" x14ac:dyDescent="0.3">
      <c r="A256" s="2" t="s">
        <v>762</v>
      </c>
      <c r="B256" s="2" t="s">
        <v>761</v>
      </c>
      <c r="C256" s="1" t="s">
        <v>763</v>
      </c>
      <c r="D256" s="3">
        <v>25934</v>
      </c>
    </row>
    <row r="257" spans="1:4" ht="28.8" x14ac:dyDescent="0.3">
      <c r="A257" s="2" t="s">
        <v>765</v>
      </c>
      <c r="B257" s="2" t="s">
        <v>764</v>
      </c>
      <c r="C257" s="1" t="s">
        <v>766</v>
      </c>
      <c r="D257" s="3">
        <v>25934</v>
      </c>
    </row>
    <row r="258" spans="1:4" ht="43.2" x14ac:dyDescent="0.3">
      <c r="A258" s="2" t="s">
        <v>768</v>
      </c>
      <c r="B258" s="2" t="s">
        <v>767</v>
      </c>
      <c r="C258" s="1" t="s">
        <v>769</v>
      </c>
      <c r="D258" s="3">
        <v>25934</v>
      </c>
    </row>
    <row r="259" spans="1:4" ht="57.6" x14ac:dyDescent="0.3">
      <c r="A259" s="2" t="s">
        <v>771</v>
      </c>
      <c r="B259" s="2" t="s">
        <v>770</v>
      </c>
      <c r="C259" s="1" t="s">
        <v>772</v>
      </c>
      <c r="D259" s="3">
        <v>27030</v>
      </c>
    </row>
    <row r="260" spans="1:4" ht="28.8" x14ac:dyDescent="0.3">
      <c r="A260" s="2" t="s">
        <v>774</v>
      </c>
      <c r="B260" s="2" t="s">
        <v>773</v>
      </c>
      <c r="C260" s="1" t="s">
        <v>775</v>
      </c>
      <c r="D260" s="3">
        <v>25934</v>
      </c>
    </row>
    <row r="261" spans="1:4" ht="43.2" x14ac:dyDescent="0.3">
      <c r="A261" s="2" t="s">
        <v>777</v>
      </c>
      <c r="B261" s="2" t="s">
        <v>776</v>
      </c>
      <c r="C261" s="1" t="s">
        <v>778</v>
      </c>
      <c r="D261" s="3"/>
    </row>
    <row r="262" spans="1:4" ht="43.2" x14ac:dyDescent="0.3">
      <c r="A262" s="2" t="s">
        <v>780</v>
      </c>
      <c r="B262" s="2" t="s">
        <v>779</v>
      </c>
      <c r="C262" s="1" t="s">
        <v>781</v>
      </c>
      <c r="D262" s="3">
        <v>25934</v>
      </c>
    </row>
    <row r="263" spans="1:4" ht="28.8" x14ac:dyDescent="0.3">
      <c r="A263" s="2" t="s">
        <v>783</v>
      </c>
      <c r="B263" s="2" t="s">
        <v>782</v>
      </c>
      <c r="C263" s="1" t="s">
        <v>784</v>
      </c>
      <c r="D263" s="3"/>
    </row>
    <row r="264" spans="1:4" ht="43.2" x14ac:dyDescent="0.3">
      <c r="A264" s="2" t="s">
        <v>786</v>
      </c>
      <c r="B264" s="2" t="s">
        <v>785</v>
      </c>
      <c r="C264" s="1" t="s">
        <v>787</v>
      </c>
      <c r="D264" s="3">
        <v>25934</v>
      </c>
    </row>
    <row r="265" spans="1:4" ht="28.8" x14ac:dyDescent="0.3">
      <c r="A265" s="2" t="s">
        <v>789</v>
      </c>
      <c r="B265" s="2" t="s">
        <v>788</v>
      </c>
      <c r="C265" s="1" t="s">
        <v>790</v>
      </c>
      <c r="D265" s="3">
        <v>25934</v>
      </c>
    </row>
    <row r="266" spans="1:4" x14ac:dyDescent="0.3">
      <c r="A266" s="2" t="s">
        <v>792</v>
      </c>
      <c r="B266" s="2" t="s">
        <v>791</v>
      </c>
      <c r="C266" s="1" t="s">
        <v>793</v>
      </c>
      <c r="D266" s="3"/>
    </row>
    <row r="267" spans="1:4" x14ac:dyDescent="0.3">
      <c r="A267" s="2" t="s">
        <v>795</v>
      </c>
      <c r="B267" s="2" t="s">
        <v>794</v>
      </c>
      <c r="C267" s="1" t="s">
        <v>796</v>
      </c>
      <c r="D267" s="3"/>
    </row>
    <row r="268" spans="1:4" ht="28.8" x14ac:dyDescent="0.3">
      <c r="A268" s="2" t="s">
        <v>798</v>
      </c>
      <c r="B268" s="2" t="s">
        <v>797</v>
      </c>
      <c r="C268" s="1" t="s">
        <v>799</v>
      </c>
      <c r="D268" s="3">
        <v>40909</v>
      </c>
    </row>
    <row r="269" spans="1:4" ht="28.8" x14ac:dyDescent="0.3">
      <c r="A269" s="2" t="s">
        <v>801</v>
      </c>
      <c r="B269" s="2" t="s">
        <v>800</v>
      </c>
      <c r="C269" s="1" t="s">
        <v>802</v>
      </c>
      <c r="D269" s="3"/>
    </row>
    <row r="270" spans="1:4" x14ac:dyDescent="0.3">
      <c r="A270" s="2" t="s">
        <v>804</v>
      </c>
      <c r="B270" s="2" t="s">
        <v>803</v>
      </c>
      <c r="C270" s="1" t="s">
        <v>805</v>
      </c>
      <c r="D270" s="3"/>
    </row>
    <row r="271" spans="1:4" x14ac:dyDescent="0.3">
      <c r="A271" s="2" t="s">
        <v>807</v>
      </c>
      <c r="B271" s="2" t="s">
        <v>806</v>
      </c>
      <c r="C271" s="1" t="s">
        <v>808</v>
      </c>
      <c r="D271" s="3">
        <v>25934</v>
      </c>
    </row>
    <row r="272" spans="1:4" x14ac:dyDescent="0.3">
      <c r="A272" s="2" t="s">
        <v>810</v>
      </c>
      <c r="B272" s="2" t="s">
        <v>809</v>
      </c>
      <c r="C272" s="1" t="s">
        <v>811</v>
      </c>
      <c r="D272" s="3"/>
    </row>
    <row r="273" spans="1:4" ht="43.2" x14ac:dyDescent="0.3">
      <c r="A273" s="2" t="s">
        <v>813</v>
      </c>
      <c r="B273" s="2" t="s">
        <v>812</v>
      </c>
      <c r="C273" s="1" t="s">
        <v>814</v>
      </c>
      <c r="D273" s="3"/>
    </row>
    <row r="274" spans="1:4" ht="43.2" x14ac:dyDescent="0.3">
      <c r="A274" s="2" t="s">
        <v>816</v>
      </c>
      <c r="B274" s="2" t="s">
        <v>815</v>
      </c>
      <c r="C274" s="1" t="s">
        <v>817</v>
      </c>
      <c r="D274" s="3"/>
    </row>
    <row r="275" spans="1:4" x14ac:dyDescent="0.3">
      <c r="A275" s="2" t="s">
        <v>819</v>
      </c>
      <c r="B275" s="2" t="s">
        <v>818</v>
      </c>
      <c r="C275" s="1" t="s">
        <v>820</v>
      </c>
      <c r="D275" s="3"/>
    </row>
    <row r="276" spans="1:4" x14ac:dyDescent="0.3">
      <c r="A276" s="2" t="s">
        <v>822</v>
      </c>
      <c r="B276" s="2" t="s">
        <v>821</v>
      </c>
      <c r="C276" s="1" t="s">
        <v>823</v>
      </c>
      <c r="D276" s="3"/>
    </row>
    <row r="277" spans="1:4" x14ac:dyDescent="0.3">
      <c r="A277" s="2" t="s">
        <v>825</v>
      </c>
      <c r="B277" s="2" t="s">
        <v>824</v>
      </c>
      <c r="C277" s="1" t="s">
        <v>826</v>
      </c>
      <c r="D277" s="3">
        <v>43190</v>
      </c>
    </row>
    <row r="278" spans="1:4" ht="57.6" x14ac:dyDescent="0.3">
      <c r="A278" s="2" t="s">
        <v>828</v>
      </c>
      <c r="B278" s="2" t="s">
        <v>827</v>
      </c>
      <c r="C278" s="1" t="s">
        <v>829</v>
      </c>
      <c r="D278" s="3"/>
    </row>
    <row r="279" spans="1:4" ht="28.8" x14ac:dyDescent="0.3">
      <c r="A279" s="2" t="s">
        <v>830</v>
      </c>
      <c r="B279" s="2" t="s">
        <v>827</v>
      </c>
      <c r="C279" s="1" t="s">
        <v>831</v>
      </c>
      <c r="D279" s="3"/>
    </row>
    <row r="280" spans="1:4" x14ac:dyDescent="0.3">
      <c r="A280" s="2" t="s">
        <v>832</v>
      </c>
      <c r="B280" s="2" t="s">
        <v>827</v>
      </c>
      <c r="C280" s="1" t="s">
        <v>833</v>
      </c>
      <c r="D280" s="3"/>
    </row>
    <row r="281" spans="1:4" ht="28.8" x14ac:dyDescent="0.3">
      <c r="A281" s="2" t="s">
        <v>835</v>
      </c>
      <c r="B281" s="2" t="s">
        <v>834</v>
      </c>
      <c r="C281" s="1" t="s">
        <v>836</v>
      </c>
      <c r="D281" s="3">
        <v>37622</v>
      </c>
    </row>
    <row r="282" spans="1:4" x14ac:dyDescent="0.3">
      <c r="A282" s="2" t="s">
        <v>838</v>
      </c>
      <c r="B282" s="2" t="s">
        <v>837</v>
      </c>
      <c r="C282" s="1" t="s">
        <v>839</v>
      </c>
      <c r="D282" s="3">
        <v>39814</v>
      </c>
    </row>
    <row r="283" spans="1:4" ht="28.8" x14ac:dyDescent="0.3">
      <c r="A283" s="2" t="s">
        <v>841</v>
      </c>
      <c r="B283" s="2" t="s">
        <v>840</v>
      </c>
      <c r="C283" s="1" t="s">
        <v>842</v>
      </c>
      <c r="D283" s="3">
        <v>33970</v>
      </c>
    </row>
    <row r="284" spans="1:4" ht="57.6" x14ac:dyDescent="0.3">
      <c r="A284" s="2" t="s">
        <v>844</v>
      </c>
      <c r="B284" s="2" t="s">
        <v>843</v>
      </c>
      <c r="C284" s="1" t="s">
        <v>845</v>
      </c>
      <c r="D284" s="3">
        <v>37257</v>
      </c>
    </row>
    <row r="285" spans="1:4" ht="28.8" x14ac:dyDescent="0.3">
      <c r="A285" s="2" t="s">
        <v>847</v>
      </c>
      <c r="B285" s="2" t="s">
        <v>846</v>
      </c>
      <c r="C285" s="1" t="s">
        <v>848</v>
      </c>
      <c r="D285" s="3">
        <v>37257</v>
      </c>
    </row>
    <row r="286" spans="1:4" ht="28.8" x14ac:dyDescent="0.3">
      <c r="A286" s="2" t="s">
        <v>850</v>
      </c>
      <c r="B286" s="2" t="s">
        <v>849</v>
      </c>
      <c r="C286" s="1" t="s">
        <v>851</v>
      </c>
      <c r="D286" s="3"/>
    </row>
    <row r="287" spans="1:4" x14ac:dyDescent="0.3">
      <c r="A287" s="2" t="s">
        <v>853</v>
      </c>
      <c r="B287" s="2" t="s">
        <v>852</v>
      </c>
      <c r="C287" s="1" t="s">
        <v>854</v>
      </c>
      <c r="D287" s="3"/>
    </row>
    <row r="288" spans="1:4" x14ac:dyDescent="0.3">
      <c r="A288" s="2" t="s">
        <v>856</v>
      </c>
      <c r="B288" s="2" t="s">
        <v>855</v>
      </c>
      <c r="C288" s="1" t="s">
        <v>857</v>
      </c>
      <c r="D288" s="3"/>
    </row>
    <row r="289" spans="1:4" x14ac:dyDescent="0.3">
      <c r="A289" s="2" t="s">
        <v>859</v>
      </c>
      <c r="B289" s="2" t="s">
        <v>858</v>
      </c>
      <c r="C289" s="1" t="s">
        <v>860</v>
      </c>
      <c r="D289" s="3"/>
    </row>
    <row r="290" spans="1:4" ht="43.2" x14ac:dyDescent="0.3">
      <c r="A290" s="2" t="s">
        <v>862</v>
      </c>
      <c r="B290" s="2" t="s">
        <v>861</v>
      </c>
      <c r="C290" s="1" t="s">
        <v>863</v>
      </c>
      <c r="D290" s="3"/>
    </row>
    <row r="291" spans="1:4" x14ac:dyDescent="0.3">
      <c r="A291" s="2" t="s">
        <v>865</v>
      </c>
      <c r="B291" s="2" t="s">
        <v>864</v>
      </c>
      <c r="C291" s="1" t="s">
        <v>866</v>
      </c>
      <c r="D291" s="3">
        <v>42583</v>
      </c>
    </row>
    <row r="292" spans="1:4" ht="28.8" x14ac:dyDescent="0.3">
      <c r="A292" s="2" t="s">
        <v>868</v>
      </c>
      <c r="B292" s="2" t="s">
        <v>867</v>
      </c>
      <c r="C292" s="1" t="s">
        <v>869</v>
      </c>
      <c r="D292" s="3"/>
    </row>
    <row r="293" spans="1:4" ht="28.8" x14ac:dyDescent="0.3">
      <c r="A293" s="2" t="s">
        <v>871</v>
      </c>
      <c r="B293" s="2" t="s">
        <v>870</v>
      </c>
      <c r="C293" s="1" t="s">
        <v>872</v>
      </c>
      <c r="D293" s="3">
        <v>25569</v>
      </c>
    </row>
    <row r="294" spans="1:4" x14ac:dyDescent="0.3">
      <c r="A294" s="2" t="s">
        <v>874</v>
      </c>
      <c r="B294" s="2" t="s">
        <v>873</v>
      </c>
      <c r="C294" s="1" t="s">
        <v>875</v>
      </c>
      <c r="D294" s="3">
        <v>25569</v>
      </c>
    </row>
    <row r="295" spans="1:4" x14ac:dyDescent="0.3">
      <c r="A295" s="2" t="s">
        <v>877</v>
      </c>
      <c r="B295" s="2" t="s">
        <v>876</v>
      </c>
      <c r="C295" s="1" t="s">
        <v>878</v>
      </c>
      <c r="D295" s="3">
        <v>42309</v>
      </c>
    </row>
    <row r="296" spans="1:4" ht="28.8" x14ac:dyDescent="0.3">
      <c r="A296" s="2" t="s">
        <v>880</v>
      </c>
      <c r="B296" s="2" t="s">
        <v>879</v>
      </c>
      <c r="C296" s="1" t="s">
        <v>881</v>
      </c>
      <c r="D296" s="3">
        <v>40179</v>
      </c>
    </row>
    <row r="297" spans="1:4" ht="28.8" x14ac:dyDescent="0.3">
      <c r="A297" s="2" t="s">
        <v>883</v>
      </c>
      <c r="B297" s="2" t="s">
        <v>882</v>
      </c>
      <c r="C297" s="1" t="s">
        <v>884</v>
      </c>
      <c r="D297" s="3">
        <v>42278</v>
      </c>
    </row>
    <row r="298" spans="1:4" x14ac:dyDescent="0.3">
      <c r="A298" s="2" t="s">
        <v>886</v>
      </c>
      <c r="B298" s="2" t="s">
        <v>885</v>
      </c>
      <c r="C298" s="1" t="s">
        <v>887</v>
      </c>
      <c r="D298" s="3">
        <v>36526</v>
      </c>
    </row>
    <row r="299" spans="1:4" x14ac:dyDescent="0.3">
      <c r="A299" s="2" t="s">
        <v>889</v>
      </c>
      <c r="B299" s="2" t="s">
        <v>888</v>
      </c>
      <c r="C299" s="1" t="s">
        <v>890</v>
      </c>
      <c r="D299" s="3">
        <v>36526</v>
      </c>
    </row>
    <row r="300" spans="1:4" ht="28.8" x14ac:dyDescent="0.3">
      <c r="A300" s="2" t="s">
        <v>892</v>
      </c>
      <c r="B300" s="2" t="s">
        <v>891</v>
      </c>
      <c r="C300" s="1" t="s">
        <v>893</v>
      </c>
      <c r="D300" s="3">
        <v>25569</v>
      </c>
    </row>
    <row r="301" spans="1:4" ht="28.8" x14ac:dyDescent="0.3">
      <c r="A301" s="2" t="s">
        <v>895</v>
      </c>
      <c r="B301" s="2" t="s">
        <v>894</v>
      </c>
      <c r="C301" s="1" t="s">
        <v>896</v>
      </c>
      <c r="D301" s="3">
        <v>40179</v>
      </c>
    </row>
    <row r="302" spans="1:4" ht="43.2" x14ac:dyDescent="0.3">
      <c r="A302" s="2" t="s">
        <v>898</v>
      </c>
      <c r="B302" s="2" t="s">
        <v>897</v>
      </c>
      <c r="C302" s="1" t="s">
        <v>899</v>
      </c>
      <c r="D302" s="3"/>
    </row>
    <row r="303" spans="1:4" ht="28.8" x14ac:dyDescent="0.3">
      <c r="A303" s="2" t="s">
        <v>901</v>
      </c>
      <c r="B303" s="2" t="s">
        <v>900</v>
      </c>
      <c r="C303" s="1" t="s">
        <v>902</v>
      </c>
      <c r="D303" s="3"/>
    </row>
  </sheetData>
  <sheetProtection algorithmName="SHA-512" hashValue="n4O55jNsyi97OVPHH6EIdIN0uGuHxq//ZDJpFukAmlYBtvuPG+VEvpCObTD8u19WqBnYsWv+CoYEq+xV+GDDWg==" saltValue="INaYuUl7WW8pApbr8M+uhQ==" spinCount="100000" sheet="1" objects="1" scenarios="1"/>
  <pageMargins left="0.7" right="0.7" top="0.75" bottom="0.75" header="0.3" footer="0.3"/>
  <tableParts count="1">
    <tablePart r:id="rId1"/>
  </tableParts>
</worksheet>
</file>

<file path=docMetadata/LabelInfo.xml><?xml version="1.0" encoding="utf-8"?>
<clbl:labelList xmlns:clbl="http://schemas.microsoft.com/office/2020/mipLabelMetadata">
  <clbl:label id="{7776477f-6371-4bca-9b54-fcfc8b7012b5}" enabled="1" method="Privilege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query (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lare Brotherton</dc:creator>
  <cp:lastModifiedBy>Clare Brotherton</cp:lastModifiedBy>
  <dcterms:created xsi:type="dcterms:W3CDTF">2024-04-03T04:05:07Z</dcterms:created>
  <dcterms:modified xsi:type="dcterms:W3CDTF">2024-04-03T04:05:07Z</dcterms:modified>
</cp:coreProperties>
</file>